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393"/>
  <workbookPr checkCompatibility="1"/>
  <mc:AlternateContent xmlns:mc="http://schemas.openxmlformats.org/markup-compatibility/2006">
    <mc:Choice Requires="x15">
      <x15ac:absPath xmlns:x15ac="http://schemas.microsoft.com/office/spreadsheetml/2010/11/ac" url="C:\Users\s125658\Desktop\ファクト片岡作業中\"/>
    </mc:Choice>
  </mc:AlternateContent>
  <xr:revisionPtr revIDLastSave="0" documentId="13_ncr:1_{42253A76-8369-4C3E-A250-10A76750D410}" xr6:coauthVersionLast="36" xr6:coauthVersionMax="36" xr10:uidLastSave="{00000000-0000-0000-0000-000000000000}"/>
  <bookViews>
    <workbookView xWindow="0" yWindow="0" windowWidth="19170" windowHeight="7155" tabRatio="746" xr2:uid="{00000000-000D-0000-FFFF-FFFF00000000}"/>
  </bookViews>
  <sheets>
    <sheet name="目次" sheetId="20" r:id="rId1"/>
    <sheet name="財務ハイライト・非財務ハイライト" sheetId="69" r:id="rId2"/>
    <sheet name="セグメント情報" sheetId="66" r:id="rId3"/>
    <sheet name="連結貸借対照表" sheetId="70" r:id="rId4"/>
    <sheet name="連結損益計算書" sheetId="64" r:id="rId5"/>
    <sheet name="連結キャッシュ・フロー計算書" sheetId="65" r:id="rId6"/>
  </sheets>
  <definedNames>
    <definedName name="_xlnm.Print_Area" localSheetId="1">財務ハイライト・非財務ハイライト!$A$1:$H$110</definedName>
    <definedName name="_xlnm.Print_Area" localSheetId="0">目次!$A$1:$N$27</definedName>
    <definedName name="_xlnm.Print_Area" localSheetId="5">連結キャッシュ・フロー計算書!$A$1:$I$11</definedName>
    <definedName name="_xlnm.Print_Area" localSheetId="4">連結損益計算書!$A$1:$I$20</definedName>
    <definedName name="_xlnm.Print_Area" localSheetId="3">連結貸借対照表!$A$1:$H$81</definedName>
    <definedName name="_xlnm.Print_Titles" localSheetId="2">セグメント情報!$1:$1</definedName>
    <definedName name="_xlnm.Print_Titles" localSheetId="1">財務ハイライト・非財務ハイライト!$1:$2</definedName>
    <definedName name="_xlnm.Print_Titles" localSheetId="5">連結キャッシュ・フロー計算書!$1:$3</definedName>
    <definedName name="_xlnm.Print_Titles" localSheetId="4">連結損益計算書!$1:$3</definedName>
    <definedName name="_xlnm.Print_Titles" localSheetId="3">連結貸借対照表!$1:$1</definedName>
  </definedNames>
  <calcPr calcId="191029"/>
</workbook>
</file>

<file path=xl/sharedStrings.xml><?xml version="1.0" encoding="utf-8"?>
<sst xmlns="http://schemas.openxmlformats.org/spreadsheetml/2006/main" count="645" uniqueCount="297">
  <si>
    <t>連結損益計算書</t>
  </si>
  <si>
    <t>売上高</t>
  </si>
  <si>
    <t>百万円</t>
  </si>
  <si>
    <t>売上高営業利益率</t>
  </si>
  <si>
    <t>売上高当期純利益率</t>
  </si>
  <si>
    <t>自己資本当期純利益率(ROE)</t>
  </si>
  <si>
    <t>総資産当期純利益率(ROA)</t>
  </si>
  <si>
    <t>連結貸借対照表</t>
  </si>
  <si>
    <t>総資産</t>
  </si>
  <si>
    <t>負債</t>
  </si>
  <si>
    <t>純資産</t>
  </si>
  <si>
    <t>自己資本</t>
  </si>
  <si>
    <t>有利子負債</t>
  </si>
  <si>
    <t>倍</t>
  </si>
  <si>
    <t>営業活動によるキャッシュ・フロー</t>
  </si>
  <si>
    <t>投資活動によるキャッシュ・フロー</t>
  </si>
  <si>
    <t>財務活動によるキャッシュ・フロー</t>
  </si>
  <si>
    <t>現金及び現金同等物の期末残高</t>
  </si>
  <si>
    <t>投資関連</t>
  </si>
  <si>
    <t>設備投資</t>
  </si>
  <si>
    <t>減価償却費</t>
  </si>
  <si>
    <t>研究開発費</t>
  </si>
  <si>
    <t>効率性指標</t>
  </si>
  <si>
    <t>総資産回転率</t>
  </si>
  <si>
    <t>回</t>
  </si>
  <si>
    <t>月</t>
  </si>
  <si>
    <t>株価関連</t>
  </si>
  <si>
    <t>期末株価</t>
  </si>
  <si>
    <t>円</t>
  </si>
  <si>
    <t>1株当たり純資産(BPS)</t>
  </si>
  <si>
    <t>1株当たり当期純利益(EPS)</t>
  </si>
  <si>
    <t>-</t>
  </si>
  <si>
    <t>日本</t>
  </si>
  <si>
    <t>米州</t>
  </si>
  <si>
    <t>欧州</t>
  </si>
  <si>
    <t>中国</t>
  </si>
  <si>
    <t>その他</t>
  </si>
  <si>
    <t>海外売上高比率</t>
  </si>
  <si>
    <t>従業員数</t>
  </si>
  <si>
    <t>人</t>
  </si>
  <si>
    <t>1株当たり配当金</t>
  </si>
  <si>
    <t>退職給付に係る調整累計額</t>
  </si>
  <si>
    <t>％</t>
    <phoneticPr fontId="2"/>
  </si>
  <si>
    <t>連結貸借対照表</t>
    <rPh sb="0" eb="2">
      <t>レンケツ</t>
    </rPh>
    <rPh sb="2" eb="4">
      <t>タイシャク</t>
    </rPh>
    <rPh sb="4" eb="7">
      <t>タイショウヒョウ</t>
    </rPh>
    <phoneticPr fontId="2"/>
  </si>
  <si>
    <t>現金及び預金</t>
  </si>
  <si>
    <t>建物及び構築物</t>
  </si>
  <si>
    <t>機械装置及び運搬具</t>
  </si>
  <si>
    <t>工具、器具及び備品</t>
  </si>
  <si>
    <t>土地</t>
  </si>
  <si>
    <t>建設仮勘定</t>
  </si>
  <si>
    <t>減価償却累計額</t>
  </si>
  <si>
    <t>資産の部</t>
  </si>
  <si>
    <t>受取手形及び売掛金</t>
  </si>
  <si>
    <t>貸倒引当金</t>
  </si>
  <si>
    <t>固定資産</t>
  </si>
  <si>
    <t>有形固定資産</t>
  </si>
  <si>
    <t>無形固定資産</t>
  </si>
  <si>
    <t>ソフトウェア</t>
  </si>
  <si>
    <t>投資その他の資産</t>
  </si>
  <si>
    <t>投資有価証券</t>
  </si>
  <si>
    <t>繰延資産</t>
  </si>
  <si>
    <t>社債発行費</t>
  </si>
  <si>
    <t>資産合計</t>
  </si>
  <si>
    <t>負債の部</t>
  </si>
  <si>
    <t>流動負債</t>
  </si>
  <si>
    <t>支払手形及び買掛金</t>
  </si>
  <si>
    <t>電子記録債務</t>
  </si>
  <si>
    <t>短期借入金</t>
  </si>
  <si>
    <t>1年内償還予定の社債</t>
  </si>
  <si>
    <t>未払費用</t>
  </si>
  <si>
    <t>賞与引当金</t>
  </si>
  <si>
    <t>製品保証引当金</t>
  </si>
  <si>
    <t>固定負債</t>
  </si>
  <si>
    <t>社債</t>
  </si>
  <si>
    <t>長期借入金</t>
  </si>
  <si>
    <t>退職給付に係る負債</t>
  </si>
  <si>
    <t>負債合計</t>
  </si>
  <si>
    <t>純資産の部</t>
  </si>
  <si>
    <t>株主資本</t>
  </si>
  <si>
    <t>資本金</t>
  </si>
  <si>
    <t>資本剰余金</t>
  </si>
  <si>
    <t>利益剰余金</t>
  </si>
  <si>
    <t>自己株式</t>
  </si>
  <si>
    <t>その他の包括利益累計額</t>
  </si>
  <si>
    <t>その他有価証券評価差額金</t>
  </si>
  <si>
    <t>繰延ヘッジ損益</t>
  </si>
  <si>
    <t>為替換算調整勘定</t>
  </si>
  <si>
    <t>純資産合計</t>
  </si>
  <si>
    <t>売上総利益</t>
  </si>
  <si>
    <t>販売費及び一般管理費</t>
  </si>
  <si>
    <t>営業外収益</t>
  </si>
  <si>
    <t>営業外費用</t>
  </si>
  <si>
    <t>特別利益</t>
  </si>
  <si>
    <t>特別損失</t>
  </si>
  <si>
    <t>法人税等調整額</t>
  </si>
  <si>
    <t>法人税等合計</t>
  </si>
  <si>
    <t>-</t>
    <phoneticPr fontId="2"/>
  </si>
  <si>
    <t>連結損益計算書</t>
    <rPh sb="0" eb="2">
      <t>レンケツ</t>
    </rPh>
    <rPh sb="2" eb="4">
      <t>ソンエキ</t>
    </rPh>
    <rPh sb="4" eb="7">
      <t>ケイサンショ</t>
    </rPh>
    <phoneticPr fontId="2"/>
  </si>
  <si>
    <t>（百万円）</t>
    <rPh sb="1" eb="4">
      <t>ヒャクマンエン</t>
    </rPh>
    <phoneticPr fontId="2"/>
  </si>
  <si>
    <t>連結キャッシュ・フロー計算書</t>
    <rPh sb="0" eb="2">
      <t>レンケツ</t>
    </rPh>
    <rPh sb="11" eb="14">
      <t>ケイサンショ</t>
    </rPh>
    <phoneticPr fontId="2"/>
  </si>
  <si>
    <t>現金及び現金同等物に係る換算差額</t>
  </si>
  <si>
    <t>現金及び現金同等物の増減額（△は減少）</t>
  </si>
  <si>
    <t>現金及び現金同等物の期首残高</t>
  </si>
  <si>
    <t>業績の推移</t>
    <phoneticPr fontId="2"/>
  </si>
  <si>
    <t>[ 内 容 ]</t>
    <rPh sb="2" eb="3">
      <t>ウチ</t>
    </rPh>
    <rPh sb="4" eb="5">
      <t>カタチ</t>
    </rPh>
    <phoneticPr fontId="2"/>
  </si>
  <si>
    <t>連結キャッシュ・フロー計算書</t>
  </si>
  <si>
    <t>セグメント利益</t>
    <rPh sb="5" eb="7">
      <t>リエキ</t>
    </rPh>
    <phoneticPr fontId="2"/>
  </si>
  <si>
    <t>旧セグメント利益</t>
    <rPh sb="0" eb="1">
      <t>キュウ</t>
    </rPh>
    <rPh sb="6" eb="8">
      <t>リエキ</t>
    </rPh>
    <phoneticPr fontId="2"/>
  </si>
  <si>
    <t>連結損益計算書</t>
    <phoneticPr fontId="2"/>
  </si>
  <si>
    <t>旧セグメント売上高</t>
    <rPh sb="0" eb="1">
      <t>キュウ</t>
    </rPh>
    <phoneticPr fontId="2"/>
  </si>
  <si>
    <t>地域別売上高</t>
  </si>
  <si>
    <t>合計</t>
    <rPh sb="0" eb="2">
      <t>ゴウケイ</t>
    </rPh>
    <phoneticPr fontId="2"/>
  </si>
  <si>
    <t>セグメント情報</t>
    <rPh sb="5" eb="7">
      <t>ジョウホウ</t>
    </rPh>
    <phoneticPr fontId="2"/>
  </si>
  <si>
    <t>セグメント情報</t>
    <phoneticPr fontId="2"/>
  </si>
  <si>
    <t>自己資本比率</t>
    <phoneticPr fontId="2"/>
  </si>
  <si>
    <t>千株</t>
  </si>
  <si>
    <t>フリー・キャッシュ・フロー＝営業活動によるキャッシュ・フロー＋投資活動によるキャッシュ・フロー</t>
    <phoneticPr fontId="2"/>
  </si>
  <si>
    <t>フリー・キャッシュ・フロー</t>
    <phoneticPr fontId="2"/>
  </si>
  <si>
    <t>親会社株主に帰属する当期純利益</t>
    <rPh sb="0" eb="1">
      <t>オヤ</t>
    </rPh>
    <rPh sb="1" eb="3">
      <t>カイシャ</t>
    </rPh>
    <rPh sb="3" eb="5">
      <t>カブヌシ</t>
    </rPh>
    <rPh sb="6" eb="8">
      <t>キゾク</t>
    </rPh>
    <phoneticPr fontId="2"/>
  </si>
  <si>
    <t>買付契約評価引当金</t>
    <rPh sb="0" eb="2">
      <t>カイツケ</t>
    </rPh>
    <rPh sb="2" eb="4">
      <t>ケイヤク</t>
    </rPh>
    <rPh sb="4" eb="6">
      <t>ヒョウカ</t>
    </rPh>
    <rPh sb="6" eb="8">
      <t>ヒキアテ</t>
    </rPh>
    <rPh sb="8" eb="9">
      <t>キン</t>
    </rPh>
    <phoneticPr fontId="2"/>
  </si>
  <si>
    <t>非支配株主持分</t>
    <rPh sb="0" eb="1">
      <t>ヒ</t>
    </rPh>
    <rPh sb="1" eb="3">
      <t>シハイ</t>
    </rPh>
    <rPh sb="3" eb="5">
      <t>カブヌシ</t>
    </rPh>
    <rPh sb="5" eb="6">
      <t>モ</t>
    </rPh>
    <rPh sb="6" eb="7">
      <t>ブン</t>
    </rPh>
    <phoneticPr fontId="2"/>
  </si>
  <si>
    <t>セグメント別売上高
（外部顧客に対する売上高）</t>
    <rPh sb="5" eb="6">
      <t>ベツ</t>
    </rPh>
    <rPh sb="11" eb="13">
      <t>ガイブ</t>
    </rPh>
    <rPh sb="13" eb="15">
      <t>コキャク</t>
    </rPh>
    <rPh sb="16" eb="17">
      <t>タイ</t>
    </rPh>
    <rPh sb="19" eb="21">
      <t>ウリアゲ</t>
    </rPh>
    <rPh sb="21" eb="22">
      <t>タカ</t>
    </rPh>
    <phoneticPr fontId="2"/>
  </si>
  <si>
    <t>外部顧客に対する売上高を表示しています。</t>
    <phoneticPr fontId="2"/>
  </si>
  <si>
    <t>顧客の所在地を基礎とし、国または地域に分類しています。</t>
    <phoneticPr fontId="2"/>
  </si>
  <si>
    <t>株価純資産倍率(PBR)＝期末株価÷1株当たり純資産(BPS)</t>
    <phoneticPr fontId="2"/>
  </si>
  <si>
    <t>株価収益率(PER)＝期末株価÷1株当たり当期純利益(EPS)</t>
    <phoneticPr fontId="2"/>
  </si>
  <si>
    <t>売上高当期純利益率＝親会社株主に帰属する当期純利益÷売上高</t>
    <rPh sb="0" eb="2">
      <t>ウリアゲ</t>
    </rPh>
    <rPh sb="2" eb="3">
      <t>タカ</t>
    </rPh>
    <rPh sb="3" eb="5">
      <t>トウキ</t>
    </rPh>
    <rPh sb="5" eb="8">
      <t>ジュンリエキ</t>
    </rPh>
    <rPh sb="8" eb="9">
      <t>リツ</t>
    </rPh>
    <rPh sb="10" eb="11">
      <t>オヤ</t>
    </rPh>
    <rPh sb="11" eb="13">
      <t>カイシャ</t>
    </rPh>
    <rPh sb="13" eb="15">
      <t>カブヌシ</t>
    </rPh>
    <rPh sb="16" eb="18">
      <t>キゾク</t>
    </rPh>
    <rPh sb="26" eb="28">
      <t>ウリアゲ</t>
    </rPh>
    <rPh sb="28" eb="29">
      <t>タカ</t>
    </rPh>
    <phoneticPr fontId="2"/>
  </si>
  <si>
    <t>自己資本当期純利益率(ROE)＝親会社株主に帰属する当期純利益÷｛（前期末自己資本＋当期末自己資本）÷2｝</t>
    <phoneticPr fontId="2"/>
  </si>
  <si>
    <t>総資産当期純利益率(ROA)＝親会社株主に帰属する当期純利益÷｛（前期末総資産＋当期末総資産）÷2｝</t>
    <phoneticPr fontId="2"/>
  </si>
  <si>
    <t>自己資本比率＝自己資本÷総資産</t>
    <phoneticPr fontId="2"/>
  </si>
  <si>
    <t>総資産回転率＝売上高÷総資産</t>
    <phoneticPr fontId="2"/>
  </si>
  <si>
    <t>期末発行済株式数(普通株式)</t>
    <rPh sb="9" eb="11">
      <t>フツウ</t>
    </rPh>
    <rPh sb="11" eb="13">
      <t>カブシキ</t>
    </rPh>
    <phoneticPr fontId="2"/>
  </si>
  <si>
    <t>販売促進引当金</t>
    <rPh sb="0" eb="2">
      <t>ハンバイ</t>
    </rPh>
    <rPh sb="2" eb="4">
      <t>ソクシン</t>
    </rPh>
    <rPh sb="4" eb="6">
      <t>ヒキアテ</t>
    </rPh>
    <rPh sb="6" eb="7">
      <t>キン</t>
    </rPh>
    <phoneticPr fontId="2"/>
  </si>
  <si>
    <t>連結の範囲の変更に伴う現金及び現金同等物の増減額（△は減少）</t>
    <rPh sb="0" eb="2">
      <t>レンケツ</t>
    </rPh>
    <rPh sb="3" eb="5">
      <t>ハンイ</t>
    </rPh>
    <rPh sb="6" eb="8">
      <t>ヘンコウ</t>
    </rPh>
    <rPh sb="21" eb="23">
      <t>ゾウゲン</t>
    </rPh>
    <rPh sb="27" eb="29">
      <t>ゲンショウ</t>
    </rPh>
    <phoneticPr fontId="2"/>
  </si>
  <si>
    <t>連結貸借対照表</t>
    <phoneticPr fontId="2"/>
  </si>
  <si>
    <t>スマートホーム</t>
    <phoneticPr fontId="2"/>
  </si>
  <si>
    <t>スマートビジネスソリューション</t>
    <phoneticPr fontId="2"/>
  </si>
  <si>
    <t>IoTエレクトロデバイス</t>
    <phoneticPr fontId="2"/>
  </si>
  <si>
    <t>アドバンスディスプレイシステム</t>
    <phoneticPr fontId="2"/>
  </si>
  <si>
    <t>営業利益</t>
  </si>
  <si>
    <t>売上原価</t>
  </si>
  <si>
    <t>新株予約権</t>
    <rPh sb="0" eb="2">
      <t>シンカブ</t>
    </rPh>
    <rPh sb="2" eb="4">
      <t>ヨヤク</t>
    </rPh>
    <rPh sb="4" eb="5">
      <t>ケン</t>
    </rPh>
    <phoneticPr fontId="2"/>
  </si>
  <si>
    <t>2018年3月期</t>
  </si>
  <si>
    <t>2019年3月期</t>
  </si>
  <si>
    <t>△126,006</t>
  </si>
  <si>
    <t>△29,133</t>
  </si>
  <si>
    <t>△88,517</t>
  </si>
  <si>
    <t>△20,736</t>
  </si>
  <si>
    <t>△89,940</t>
  </si>
  <si>
    <t>△76,051</t>
  </si>
  <si>
    <t>△15,942</t>
  </si>
  <si>
    <t>△15,538</t>
  </si>
  <si>
    <t>△8,118</t>
  </si>
  <si>
    <t>△1,828,299</t>
  </si>
  <si>
    <t>△2,095</t>
  </si>
  <si>
    <t>△2,480</t>
  </si>
  <si>
    <t>△13,936</t>
  </si>
  <si>
    <t>△13,987</t>
  </si>
  <si>
    <t>△3,205</t>
  </si>
  <si>
    <t>△220</t>
  </si>
  <si>
    <t>△47,302</t>
  </si>
  <si>
    <t>△79,330</t>
  </si>
  <si>
    <t>△76,208</t>
  </si>
  <si>
    <t>△112,961</t>
  </si>
  <si>
    <t>△458</t>
  </si>
  <si>
    <t>△49,017</t>
  </si>
  <si>
    <t>△176,577</t>
  </si>
  <si>
    <t>非支配株主に帰属する当期純利益又は非支配株主に帰属する当期純損失(△)</t>
    <rPh sb="0" eb="1">
      <t>ヒ</t>
    </rPh>
    <rPh sb="1" eb="3">
      <t>シハイ</t>
    </rPh>
    <rPh sb="3" eb="5">
      <t>カブヌシ</t>
    </rPh>
    <rPh sb="6" eb="8">
      <t>キゾク</t>
    </rPh>
    <rPh sb="10" eb="12">
      <t>トウキ</t>
    </rPh>
    <rPh sb="12" eb="15">
      <t>ジュンリエキ</t>
    </rPh>
    <rPh sb="15" eb="16">
      <t>マタ</t>
    </rPh>
    <rPh sb="17" eb="18">
      <t>ヒ</t>
    </rPh>
    <rPh sb="18" eb="20">
      <t>シハイ</t>
    </rPh>
    <rPh sb="20" eb="22">
      <t>カブヌシ</t>
    </rPh>
    <rPh sb="23" eb="25">
      <t>キゾク</t>
    </rPh>
    <rPh sb="27" eb="29">
      <t>トウキ</t>
    </rPh>
    <rPh sb="29" eb="30">
      <t>ジュン</t>
    </rPh>
    <rPh sb="30" eb="32">
      <t>ソンシツ</t>
    </rPh>
    <phoneticPr fontId="2"/>
  </si>
  <si>
    <t>８Ｋエコシステム</t>
    <phoneticPr fontId="2"/>
  </si>
  <si>
    <t>スマートライフ</t>
    <phoneticPr fontId="2"/>
  </si>
  <si>
    <t>2020年3月期より､セグメント区分を､スマートライフ､８Ｋエコシステム､ＩＣＴの3区分に変更しています。</t>
    <rPh sb="45" eb="47">
      <t>ヘンコウ</t>
    </rPh>
    <phoneticPr fontId="2"/>
  </si>
  <si>
    <t>流動資産</t>
    <rPh sb="0" eb="2">
      <t>リュウドウ</t>
    </rPh>
    <phoneticPr fontId="2"/>
  </si>
  <si>
    <t>負債純資産合計</t>
    <phoneticPr fontId="2"/>
  </si>
  <si>
    <t>ＩＣＴ</t>
    <phoneticPr fontId="2"/>
  </si>
  <si>
    <t xml:space="preserve">      小計</t>
    <rPh sb="6" eb="8">
      <t>ショウケイ</t>
    </rPh>
    <phoneticPr fontId="2"/>
  </si>
  <si>
    <t xml:space="preserve">      調整額</t>
    <rPh sb="6" eb="8">
      <t>チョウセイ</t>
    </rPh>
    <rPh sb="8" eb="9">
      <t>ガク</t>
    </rPh>
    <phoneticPr fontId="2"/>
  </si>
  <si>
    <t xml:space="preserve">      合計</t>
    <rPh sb="6" eb="7">
      <t>ゴウ</t>
    </rPh>
    <rPh sb="7" eb="8">
      <t>ケイ</t>
    </rPh>
    <phoneticPr fontId="2"/>
  </si>
  <si>
    <t xml:space="preserve">      アドバンスディスプレイシステム</t>
    <phoneticPr fontId="2"/>
  </si>
  <si>
    <t xml:space="preserve">      合計</t>
    <rPh sb="6" eb="8">
      <t>ゴウケイ</t>
    </rPh>
    <phoneticPr fontId="2"/>
  </si>
  <si>
    <t>期末発行済株式数：自己株式を除く</t>
    <phoneticPr fontId="2"/>
  </si>
  <si>
    <t>1株当たり純資産(BPS)＝自己資本÷期末発行済株式数</t>
    <phoneticPr fontId="2"/>
  </si>
  <si>
    <t>1株当たり当期純利益(EPS)＝親会社株主に帰属する当期純利益÷期中平均株式数</t>
    <rPh sb="16" eb="17">
      <t>オヤ</t>
    </rPh>
    <rPh sb="17" eb="19">
      <t>カイシャ</t>
    </rPh>
    <rPh sb="19" eb="21">
      <t>カブヌシ</t>
    </rPh>
    <rPh sb="22" eb="24">
      <t>キゾク</t>
    </rPh>
    <phoneticPr fontId="2"/>
  </si>
  <si>
    <t>デット・エクイティ・レシオ＝有利子負債÷自己資本</t>
    <phoneticPr fontId="2"/>
  </si>
  <si>
    <t>株価純資産倍率(PBR)</t>
    <phoneticPr fontId="2"/>
  </si>
  <si>
    <t>株価収益率(PER)</t>
    <phoneticPr fontId="2"/>
  </si>
  <si>
    <t>2020年3月期</t>
  </si>
  <si>
    <t>△168,052</t>
  </si>
  <si>
    <t>△128,249</t>
  </si>
  <si>
    <t>△89,747</t>
  </si>
  <si>
    <t>△59,796</t>
  </si>
  <si>
    <t>△93,026</t>
  </si>
  <si>
    <t>△99,829</t>
  </si>
  <si>
    <t>△22,131</t>
  </si>
  <si>
    <t>△3,329</t>
  </si>
  <si>
    <t>△6,200</t>
  </si>
  <si>
    <t>△2,629</t>
  </si>
  <si>
    <t>△1,823,863</t>
  </si>
  <si>
    <t>△1,749,377</t>
  </si>
  <si>
    <t>△2,426</t>
  </si>
  <si>
    <t>△13,993</t>
  </si>
  <si>
    <t>△43,214</t>
  </si>
  <si>
    <t>△56,118</t>
  </si>
  <si>
    <t>△43,646</t>
  </si>
  <si>
    <t>△106,111</t>
  </si>
  <si>
    <t>△90,870</t>
  </si>
  <si>
    <t>△12,464</t>
  </si>
  <si>
    <t>△6,817</t>
  </si>
  <si>
    <t>△3,239</t>
  </si>
  <si>
    <t>△58,474</t>
  </si>
  <si>
    <t>2021年3月期</t>
    <phoneticPr fontId="2"/>
  </si>
  <si>
    <t>△14,114</t>
    <phoneticPr fontId="2"/>
  </si>
  <si>
    <t>△95,861</t>
    <phoneticPr fontId="2"/>
  </si>
  <si>
    <t>△21,256</t>
    <phoneticPr fontId="2"/>
  </si>
  <si>
    <t>△3,961</t>
    <phoneticPr fontId="2"/>
  </si>
  <si>
    <t>△1,754,840</t>
    <phoneticPr fontId="2"/>
  </si>
  <si>
    <t>△1,368</t>
    <phoneticPr fontId="2"/>
  </si>
  <si>
    <t>△14,053</t>
    <phoneticPr fontId="2"/>
  </si>
  <si>
    <t>△39,362</t>
    <phoneticPr fontId="2"/>
  </si>
  <si>
    <t>△17,617</t>
    <phoneticPr fontId="2"/>
  </si>
  <si>
    <t>△39,275</t>
    <phoneticPr fontId="2"/>
  </si>
  <si>
    <t>△442</t>
    <phoneticPr fontId="2"/>
  </si>
  <si>
    <t>△1,036</t>
    <phoneticPr fontId="2"/>
  </si>
  <si>
    <t>△76,724</t>
    <phoneticPr fontId="2"/>
  </si>
  <si>
    <t>△168,052</t>
    <phoneticPr fontId="2"/>
  </si>
  <si>
    <t>△128,249</t>
    <phoneticPr fontId="2"/>
  </si>
  <si>
    <t>営業利益</t>
    <phoneticPr fontId="2"/>
  </si>
  <si>
    <t>経常利益</t>
    <phoneticPr fontId="2"/>
  </si>
  <si>
    <t>デット・エクイティ・レシオ</t>
  </si>
  <si>
    <t>ネットデット・エクイティ・レシオ</t>
    <phoneticPr fontId="2"/>
  </si>
  <si>
    <t>ネットデット･エクイティ･レシオ=純有利子負債÷自己資本</t>
    <rPh sb="17" eb="18">
      <t>ジュン</t>
    </rPh>
    <rPh sb="18" eb="19">
      <t>ユウ</t>
    </rPh>
    <rPh sb="19" eb="21">
      <t>リシ</t>
    </rPh>
    <rPh sb="21" eb="23">
      <t>フサイ</t>
    </rPh>
    <rPh sb="24" eb="26">
      <t>ジコ</t>
    </rPh>
    <rPh sb="26" eb="28">
      <t>シホン</t>
    </rPh>
    <phoneticPr fontId="2"/>
  </si>
  <si>
    <t>純有利子負債</t>
    <rPh sb="0" eb="6">
      <t>ジュンユウリシフサイ</t>
    </rPh>
    <phoneticPr fontId="2"/>
  </si>
  <si>
    <t>C種種類株式は、配当の順位が普通株式と同順位であるため、その普通株式相当数を普通株式と同等の株式の株式数としています。</t>
    <phoneticPr fontId="2"/>
  </si>
  <si>
    <t>2021年2月26日付で、発行済であったC種種類株式795,363株について、普通株式79,536,300株を対価として取得・消却し、全種類株式の消却を完了しました。</t>
    <rPh sb="67" eb="68">
      <t>ゼン</t>
    </rPh>
    <rPh sb="68" eb="70">
      <t>シュルイ</t>
    </rPh>
    <rPh sb="70" eb="72">
      <t>カブシキ</t>
    </rPh>
    <rPh sb="73" eb="75">
      <t>ショウキャク</t>
    </rPh>
    <rPh sb="76" eb="78">
      <t>カンリョウ</t>
    </rPh>
    <phoneticPr fontId="2"/>
  </si>
  <si>
    <t>2017年度  ～  2021年度</t>
    <rPh sb="4" eb="6">
      <t>ネンド</t>
    </rPh>
    <rPh sb="15" eb="17">
      <t>ネンド</t>
    </rPh>
    <phoneticPr fontId="2"/>
  </si>
  <si>
    <t>(2017/4-2018/3)  　(2021/4-2022/3)</t>
    <phoneticPr fontId="2"/>
  </si>
  <si>
    <t>2022年3月期</t>
    <phoneticPr fontId="2"/>
  </si>
  <si>
    <t>2022年3月期</t>
    <phoneticPr fontId="2"/>
  </si>
  <si>
    <t>2022年3月期</t>
    <phoneticPr fontId="2"/>
  </si>
  <si>
    <t>2022年3月期</t>
    <phoneticPr fontId="2"/>
  </si>
  <si>
    <t>2022年3月期</t>
    <phoneticPr fontId="2"/>
  </si>
  <si>
    <t>△31,448</t>
    <phoneticPr fontId="2"/>
  </si>
  <si>
    <t>受取手形、売掛金及び契約資産</t>
    <rPh sb="8" eb="9">
      <t>オヨ</t>
    </rPh>
    <rPh sb="10" eb="14">
      <t>ケイヤクシサン</t>
    </rPh>
    <phoneticPr fontId="2"/>
  </si>
  <si>
    <t>-</t>
    <phoneticPr fontId="2"/>
  </si>
  <si>
    <t>△2,342</t>
    <phoneticPr fontId="2"/>
  </si>
  <si>
    <t>△1,789,815</t>
    <phoneticPr fontId="2"/>
  </si>
  <si>
    <t>△2,559</t>
    <phoneticPr fontId="2"/>
  </si>
  <si>
    <t>-</t>
    <phoneticPr fontId="2"/>
  </si>
  <si>
    <t>△13,747</t>
    <phoneticPr fontId="2"/>
  </si>
  <si>
    <t>△9,085</t>
    <phoneticPr fontId="2"/>
  </si>
  <si>
    <t>△3,745</t>
    <phoneticPr fontId="2"/>
  </si>
  <si>
    <t>△1,184</t>
    <phoneticPr fontId="2"/>
  </si>
  <si>
    <t>△234</t>
    <phoneticPr fontId="2"/>
  </si>
  <si>
    <t>△124,291</t>
    <phoneticPr fontId="2"/>
  </si>
  <si>
    <t>△53,433</t>
    <phoneticPr fontId="2"/>
  </si>
  <si>
    <t>ディスプレイデバイス</t>
    <phoneticPr fontId="2"/>
  </si>
  <si>
    <t>エレクトロニックデバイス</t>
    <phoneticPr fontId="2"/>
  </si>
  <si>
    <t>2022年3月期より、セグメント区分を､スマートライフ､８Ｋエコシステム､ＩＣＴ、ディスプレイデバイス、エレクトロニックデバイスの5区分に変更しています。</t>
    <rPh sb="4" eb="5">
      <t>ネン</t>
    </rPh>
    <rPh sb="6" eb="8">
      <t>ガツキ</t>
    </rPh>
    <phoneticPr fontId="2"/>
  </si>
  <si>
    <t>△19,884</t>
    <phoneticPr fontId="2"/>
  </si>
  <si>
    <t>△124,291</t>
    <phoneticPr fontId="2"/>
  </si>
  <si>
    <t>2022年3月期より､セグメント区分を､スマートライフ､８Ｋエコシステム､ＩＣＴ、ディスプレイデバイス、エレクトロニックデバイスの5区分に変更しています。</t>
    <rPh sb="4" eb="5">
      <t>ネン</t>
    </rPh>
    <rPh sb="6" eb="8">
      <t>ガツキ</t>
    </rPh>
    <phoneticPr fontId="2"/>
  </si>
  <si>
    <t>△98,822</t>
    <phoneticPr fontId="2"/>
  </si>
  <si>
    <t>△21,256</t>
    <phoneticPr fontId="2"/>
  </si>
  <si>
    <t xml:space="preserve">      アドバンスディスプレイシステム</t>
    <phoneticPr fontId="2"/>
  </si>
  <si>
    <t xml:space="preserve">       ＩｏＴエレクトロデバイス</t>
    <phoneticPr fontId="2"/>
  </si>
  <si>
    <t xml:space="preserve">      スマートホーム</t>
    <phoneticPr fontId="2"/>
  </si>
  <si>
    <t xml:space="preserve">      スマートビジネスソリューション</t>
    <phoneticPr fontId="2"/>
  </si>
  <si>
    <t xml:space="preserve">       IｏＴエレクトロデバイス</t>
    <phoneticPr fontId="2"/>
  </si>
  <si>
    <t xml:space="preserve">      スマートホーム</t>
    <phoneticPr fontId="2"/>
  </si>
  <si>
    <t xml:space="preserve">      ICT</t>
    <phoneticPr fontId="2"/>
  </si>
  <si>
    <t xml:space="preserve">      スマートライフ</t>
    <phoneticPr fontId="2"/>
  </si>
  <si>
    <t xml:space="preserve">      ８Ｋエコシステム</t>
    <phoneticPr fontId="2"/>
  </si>
  <si>
    <t xml:space="preserve">      エレクトロニックデバイス</t>
    <phoneticPr fontId="2"/>
  </si>
  <si>
    <t xml:space="preserve">      ディスプレイデバイス</t>
    <phoneticPr fontId="2"/>
  </si>
  <si>
    <t xml:space="preserve">      ８Ｋエコシステム</t>
    <phoneticPr fontId="2"/>
  </si>
  <si>
    <t>売上高</t>
    <phoneticPr fontId="2"/>
  </si>
  <si>
    <t>スマートライフ</t>
    <phoneticPr fontId="2"/>
  </si>
  <si>
    <t>棚卸資産</t>
    <rPh sb="0" eb="2">
      <t>タナオロシ</t>
    </rPh>
    <phoneticPr fontId="2"/>
  </si>
  <si>
    <t>棚卸資産月商比</t>
    <rPh sb="0" eb="2">
      <t>タナオロシ</t>
    </rPh>
    <phoneticPr fontId="2"/>
  </si>
  <si>
    <t>棚卸資産月商比＝棚卸資産÷（売上高÷12）</t>
    <rPh sb="0" eb="2">
      <t>タナオロシ</t>
    </rPh>
    <rPh sb="8" eb="10">
      <t>タナオロシ</t>
    </rPh>
    <phoneticPr fontId="2"/>
  </si>
  <si>
    <t>法人税、住民税及び事業税</t>
    <phoneticPr fontId="2"/>
  </si>
  <si>
    <t>税金等調整前当期純利益</t>
    <phoneticPr fontId="2"/>
  </si>
  <si>
    <t>当期純利益</t>
    <rPh sb="0" eb="2">
      <t>トウキ</t>
    </rPh>
    <phoneticPr fontId="2"/>
  </si>
  <si>
    <t>2017年10月1日付けで普通株式及びC種種類株式についていずれも10株につき1株の割合で株式併合を実施しています。2018年3月31日に終了した連結会計年度の期首に当該株式併合が</t>
    <rPh sb="4" eb="5">
      <t>ネン</t>
    </rPh>
    <rPh sb="7" eb="8">
      <t>ガツ</t>
    </rPh>
    <rPh sb="9" eb="10">
      <t>ニチ</t>
    </rPh>
    <rPh sb="10" eb="11">
      <t>ツ</t>
    </rPh>
    <rPh sb="13" eb="15">
      <t>フツウ</t>
    </rPh>
    <rPh sb="15" eb="17">
      <t>カブシキ</t>
    </rPh>
    <rPh sb="17" eb="18">
      <t>オヨ</t>
    </rPh>
    <rPh sb="20" eb="21">
      <t>シュ</t>
    </rPh>
    <rPh sb="21" eb="25">
      <t>シュルイカブシキ</t>
    </rPh>
    <rPh sb="35" eb="36">
      <t>カブ</t>
    </rPh>
    <rPh sb="40" eb="41">
      <t>カブ</t>
    </rPh>
    <rPh sb="42" eb="44">
      <t>ワリアイ</t>
    </rPh>
    <rPh sb="45" eb="47">
      <t>カブシキ</t>
    </rPh>
    <rPh sb="47" eb="49">
      <t>ヘイゴウ</t>
    </rPh>
    <rPh sb="50" eb="52">
      <t>ジッシ</t>
    </rPh>
    <rPh sb="67" eb="68">
      <t>ニチ</t>
    </rPh>
    <rPh sb="69" eb="71">
      <t>シュウリョウ</t>
    </rPh>
    <rPh sb="73" eb="79">
      <t>レンケツカイケイネンド</t>
    </rPh>
    <phoneticPr fontId="2"/>
  </si>
  <si>
    <t>行われたと仮定し、1株当たり純資産（BPS）及び1株当たり当期純利益（EPS）を算定しています。</t>
    <rPh sb="11" eb="12">
      <t>アタ</t>
    </rPh>
    <phoneticPr fontId="2"/>
  </si>
  <si>
    <t xml:space="preserve">       ※</t>
    <phoneticPr fontId="2"/>
  </si>
  <si>
    <t>障がい者雇用率</t>
    <rPh sb="0" eb="1">
      <t>ショウ</t>
    </rPh>
    <rPh sb="3" eb="4">
      <t>シャ</t>
    </rPh>
    <rPh sb="4" eb="7">
      <t>コヨウリツ</t>
    </rPh>
    <phoneticPr fontId="2"/>
  </si>
  <si>
    <t>％</t>
    <phoneticPr fontId="2"/>
  </si>
  <si>
    <t>温室効果ガス排出量</t>
    <rPh sb="0" eb="2">
      <t>オンシツ</t>
    </rPh>
    <rPh sb="2" eb="4">
      <t>コウカ</t>
    </rPh>
    <rPh sb="6" eb="9">
      <t>ハイシュツリョウ</t>
    </rPh>
    <phoneticPr fontId="2"/>
  </si>
  <si>
    <t>非財務</t>
    <rPh sb="0" eb="3">
      <t>ヒザイム</t>
    </rPh>
    <phoneticPr fontId="2"/>
  </si>
  <si>
    <t>△107,551</t>
    <phoneticPr fontId="2"/>
  </si>
  <si>
    <t>百万円未満を切捨てています。　　　　　　　　　　　　　</t>
    <phoneticPr fontId="2"/>
  </si>
  <si>
    <t>財務ハイライト・非財務ハイライト</t>
    <rPh sb="0" eb="2">
      <t>ザイム</t>
    </rPh>
    <rPh sb="8" eb="11">
      <t>ヒザイム</t>
    </rPh>
    <phoneticPr fontId="2"/>
  </si>
  <si>
    <t>事業再編や区分変更、会計方針の変更等があるため、単純な時系列比較はできません。</t>
    <rPh sb="10" eb="12">
      <t>カイケイ</t>
    </rPh>
    <rPh sb="12" eb="14">
      <t>ホウシン</t>
    </rPh>
    <rPh sb="15" eb="17">
      <t>ヘンコウ</t>
    </rPh>
    <rPh sb="17" eb="18">
      <t>トウ</t>
    </rPh>
    <phoneticPr fontId="2"/>
  </si>
  <si>
    <t>財務ハイライト・非財務ハイライト</t>
    <rPh sb="0" eb="2">
      <t>ザイム</t>
    </rPh>
    <rPh sb="8" eb="9">
      <t>ヒ</t>
    </rPh>
    <rPh sb="9" eb="11">
      <t>ザイム</t>
    </rPh>
    <phoneticPr fontId="2"/>
  </si>
  <si>
    <r>
      <t>千t-CO</t>
    </r>
    <r>
      <rPr>
        <sz val="6"/>
        <rFont val="ＭＳ Ｐゴシック"/>
        <family val="3"/>
        <charset val="128"/>
        <scheme val="minor"/>
      </rPr>
      <t>2</t>
    </r>
    <rPh sb="0" eb="1">
      <t>セン</t>
    </rPh>
    <phoneticPr fontId="2"/>
  </si>
  <si>
    <t>従業員数：シャ-プ株式会社、連結子会社</t>
    <rPh sb="0" eb="4">
      <t>ジュウギョウインスウ</t>
    </rPh>
    <phoneticPr fontId="2"/>
  </si>
  <si>
    <t>障がい者雇用率は､シャープ株式会社、特定子会社及びグループ適用会社を含んでいます。(各連結会計年度の6月1日時点のデータ）</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
    <numFmt numFmtId="6" formatCode="&quot;¥&quot;#,##0;[Red]&quot;¥&quot;\-#,##0"/>
    <numFmt numFmtId="176" formatCode="0.0%"/>
    <numFmt numFmtId="177" formatCode="#,##0_);[Red]\(#,##0\)"/>
    <numFmt numFmtId="178" formatCode="#,##0_ "/>
    <numFmt numFmtId="179" formatCode="&quot;[&quot;#,#00&quot;] &quot;"/>
    <numFmt numFmtId="180" formatCode="#,##0\ ;&quot;△&quot;#,##0\ "/>
    <numFmt numFmtId="181" formatCode="#,##0;&quot;△&quot;#,##0"/>
    <numFmt numFmtId="182" formatCode="#,##0.0;\-#,##0.0"/>
    <numFmt numFmtId="183" formatCode="#,##0.0;&quot;△&quot;#,##0.0"/>
    <numFmt numFmtId="184" formatCode="#,##0.00;&quot;△&quot;#,##0.00"/>
    <numFmt numFmtId="185" formatCode="#,##0;&quot;△ &quot;#,##0"/>
    <numFmt numFmtId="186" formatCode="0.000000%"/>
  </numFmts>
  <fonts count="23" x14ac:knownFonts="1">
    <font>
      <sz val="11"/>
      <name val="ＭＳ Ｐゴシック"/>
      <family val="3"/>
      <charset val="128"/>
    </font>
    <font>
      <sz val="11"/>
      <name val="ＭＳ Ｐゴシック"/>
      <family val="3"/>
      <charset val="128"/>
    </font>
    <font>
      <sz val="6"/>
      <name val="ＭＳ Ｐゴシック"/>
      <family val="3"/>
      <charset val="128"/>
    </font>
    <font>
      <sz val="12"/>
      <name val="ＭＳ Ｐゴシック"/>
      <family val="3"/>
      <charset val="128"/>
    </font>
    <font>
      <sz val="16"/>
      <name val="ＭＳ Ｐゴシック"/>
      <family val="3"/>
      <charset val="128"/>
    </font>
    <font>
      <sz val="40"/>
      <name val="ＭＳ Ｐゴシック"/>
      <family val="3"/>
      <charset val="128"/>
    </font>
    <font>
      <sz val="14"/>
      <name val="ＭＳ Ｐゴシック"/>
      <family val="3"/>
      <charset val="128"/>
    </font>
    <font>
      <sz val="10"/>
      <name val="Arial"/>
      <family val="2"/>
    </font>
    <font>
      <sz val="10"/>
      <name val="Arial"/>
      <family val="2"/>
    </font>
    <font>
      <sz val="10"/>
      <name val="ＭＳ Ｐゴシック"/>
      <family val="3"/>
      <charset val="128"/>
      <scheme val="minor"/>
    </font>
    <font>
      <b/>
      <sz val="12"/>
      <name val="ＭＳ Ｐゴシック"/>
      <family val="3"/>
      <charset val="128"/>
      <scheme val="minor"/>
    </font>
    <font>
      <i/>
      <sz val="9"/>
      <name val="ＭＳ Ｐゴシック"/>
      <family val="3"/>
      <charset val="128"/>
      <scheme val="minor"/>
    </font>
    <font>
      <b/>
      <sz val="14"/>
      <name val="ＭＳ Ｐゴシック"/>
      <family val="3"/>
      <charset val="128"/>
      <scheme val="minor"/>
    </font>
    <font>
      <b/>
      <sz val="9"/>
      <color indexed="10"/>
      <name val="ＭＳ Ｐゴシック"/>
      <family val="3"/>
      <charset val="128"/>
      <scheme val="minor"/>
    </font>
    <font>
      <sz val="9"/>
      <name val="ＭＳ Ｐゴシック"/>
      <family val="3"/>
      <charset val="128"/>
      <scheme val="minor"/>
    </font>
    <font>
      <sz val="14"/>
      <name val="ＭＳ Ｐゴシック"/>
      <family val="3"/>
      <charset val="128"/>
      <scheme val="minor"/>
    </font>
    <font>
      <sz val="17"/>
      <name val="ＭＳ Ｐゴシック"/>
      <family val="3"/>
      <charset val="128"/>
      <scheme val="minor"/>
    </font>
    <font>
      <sz val="11"/>
      <name val="ＭＳ Ｐゴシック"/>
      <family val="3"/>
      <charset val="128"/>
      <scheme val="minor"/>
    </font>
    <font>
      <sz val="10"/>
      <color indexed="18"/>
      <name val="ＭＳ Ｐゴシック"/>
      <family val="3"/>
      <charset val="128"/>
      <scheme val="minor"/>
    </font>
    <font>
      <sz val="10"/>
      <color rgb="FFFF0000"/>
      <name val="ＭＳ Ｐゴシック"/>
      <family val="3"/>
      <charset val="128"/>
      <scheme val="minor"/>
    </font>
    <font>
      <i/>
      <sz val="9"/>
      <color rgb="FFFF0000"/>
      <name val="ＭＳ Ｐゴシック"/>
      <family val="3"/>
      <charset val="128"/>
      <scheme val="minor"/>
    </font>
    <font>
      <sz val="10"/>
      <color theme="1"/>
      <name val="ＭＳ Ｐゴシック"/>
      <family val="3"/>
      <charset val="128"/>
      <scheme val="minor"/>
    </font>
    <font>
      <sz val="6"/>
      <name val="ＭＳ Ｐゴシック"/>
      <family val="3"/>
      <charset val="128"/>
      <scheme val="minor"/>
    </font>
  </fonts>
  <fills count="3">
    <fill>
      <patternFill patternType="none"/>
    </fill>
    <fill>
      <patternFill patternType="gray125"/>
    </fill>
    <fill>
      <patternFill patternType="solid">
        <fgColor theme="0"/>
        <bgColor indexed="64"/>
      </patternFill>
    </fill>
  </fills>
  <borders count="62">
    <border>
      <left/>
      <right/>
      <top/>
      <bottom/>
      <diagonal/>
    </border>
    <border>
      <left/>
      <right style="thin">
        <color indexed="8"/>
      </right>
      <top/>
      <bottom/>
      <diagonal/>
    </border>
    <border>
      <left/>
      <right/>
      <top style="thin">
        <color indexed="8"/>
      </top>
      <bottom style="thin">
        <color indexed="8"/>
      </bottom>
      <diagonal/>
    </border>
    <border>
      <left style="thin">
        <color indexed="8"/>
      </left>
      <right/>
      <top/>
      <bottom/>
      <diagonal/>
    </border>
    <border>
      <left/>
      <right/>
      <top style="thin">
        <color indexed="8"/>
      </top>
      <bottom/>
      <diagonal/>
    </border>
    <border>
      <left/>
      <right/>
      <top style="thin">
        <color indexed="64"/>
      </top>
      <bottom/>
      <diagonal/>
    </border>
    <border>
      <left style="thin">
        <color indexed="64"/>
      </left>
      <right/>
      <top/>
      <bottom/>
      <diagonal/>
    </border>
    <border>
      <left/>
      <right/>
      <top/>
      <bottom style="thin">
        <color indexed="64"/>
      </bottom>
      <diagonal/>
    </border>
    <border>
      <left style="thin">
        <color indexed="8"/>
      </left>
      <right/>
      <top style="thin">
        <color indexed="8"/>
      </top>
      <bottom/>
      <diagonal/>
    </border>
    <border>
      <left style="thin">
        <color indexed="64"/>
      </left>
      <right/>
      <top/>
      <bottom style="thin">
        <color indexed="64"/>
      </bottom>
      <diagonal/>
    </border>
    <border>
      <left/>
      <right/>
      <top style="thin">
        <color indexed="64"/>
      </top>
      <bottom style="thin">
        <color indexed="64"/>
      </bottom>
      <diagonal/>
    </border>
    <border>
      <left/>
      <right style="thin">
        <color indexed="8"/>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right/>
      <top/>
      <bottom style="thin">
        <color indexed="8"/>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top style="thin">
        <color auto="1"/>
      </top>
      <bottom/>
      <diagonal/>
    </border>
    <border>
      <left/>
      <right style="thin">
        <color indexed="8"/>
      </right>
      <top/>
      <bottom style="thin">
        <color indexed="8"/>
      </bottom>
      <diagonal/>
    </border>
    <border>
      <left style="thin">
        <color indexed="8"/>
      </left>
      <right/>
      <top style="thin">
        <color indexed="8"/>
      </top>
      <bottom style="thin">
        <color indexed="8"/>
      </bottom>
      <diagonal/>
    </border>
    <border>
      <left style="thin">
        <color indexed="8"/>
      </left>
      <right/>
      <top/>
      <bottom style="thin">
        <color indexed="8"/>
      </bottom>
      <diagonal/>
    </border>
    <border>
      <left/>
      <right/>
      <top/>
      <bottom style="thin">
        <color indexed="8"/>
      </bottom>
      <diagonal/>
    </border>
    <border>
      <left/>
      <right/>
      <top/>
      <bottom style="thin">
        <color indexed="64"/>
      </bottom>
      <diagonal/>
    </border>
    <border>
      <left style="thin">
        <color indexed="64"/>
      </left>
      <right/>
      <top/>
      <bottom style="thin">
        <color indexed="8"/>
      </bottom>
      <diagonal/>
    </border>
    <border>
      <left/>
      <right style="thin">
        <color indexed="64"/>
      </right>
      <top/>
      <bottom style="thin">
        <color indexed="8"/>
      </bottom>
      <diagonal/>
    </border>
    <border>
      <left/>
      <right/>
      <top style="thin">
        <color auto="1"/>
      </top>
      <bottom style="thin">
        <color indexed="64"/>
      </bottom>
      <diagonal/>
    </border>
    <border>
      <left/>
      <right/>
      <top style="thin">
        <color indexed="64"/>
      </top>
      <bottom style="thin">
        <color indexed="8"/>
      </bottom>
      <diagonal/>
    </border>
    <border>
      <left/>
      <right/>
      <top style="thin">
        <color indexed="8"/>
      </top>
      <bottom/>
      <diagonal/>
    </border>
    <border>
      <left/>
      <right style="thin">
        <color indexed="64"/>
      </right>
      <top style="thin">
        <color indexed="8"/>
      </top>
      <bottom/>
      <diagonal/>
    </border>
    <border>
      <left/>
      <right/>
      <top style="thin">
        <color indexed="64"/>
      </top>
      <bottom/>
      <diagonal/>
    </border>
    <border>
      <left/>
      <right style="thin">
        <color indexed="64"/>
      </right>
      <top style="thin">
        <color indexed="64"/>
      </top>
      <bottom/>
      <diagonal/>
    </border>
    <border>
      <left/>
      <right/>
      <top style="thin">
        <color indexed="8"/>
      </top>
      <bottom style="thin">
        <color indexed="8"/>
      </bottom>
      <diagonal/>
    </border>
    <border>
      <left style="thin">
        <color indexed="64"/>
      </left>
      <right/>
      <top style="thin">
        <color indexed="64"/>
      </top>
      <bottom/>
      <diagonal/>
    </border>
    <border>
      <left/>
      <right/>
      <top style="thin">
        <color auto="1"/>
      </top>
      <bottom/>
      <diagonal/>
    </border>
    <border>
      <left/>
      <right style="thin">
        <color indexed="8"/>
      </right>
      <top/>
      <bottom/>
      <diagonal/>
    </border>
    <border>
      <left/>
      <right style="thin">
        <color indexed="64"/>
      </right>
      <top/>
      <bottom/>
      <diagonal/>
    </border>
    <border>
      <left style="thin">
        <color indexed="8"/>
      </left>
      <right/>
      <top style="thin">
        <color indexed="8"/>
      </top>
      <bottom style="thin">
        <color indexed="8"/>
      </bottom>
      <diagonal/>
    </border>
    <border>
      <left style="thin">
        <color indexed="8"/>
      </left>
      <right/>
      <top style="thin">
        <color indexed="64"/>
      </top>
      <bottom/>
      <diagonal/>
    </border>
    <border>
      <left/>
      <right/>
      <top style="thin">
        <color indexed="8"/>
      </top>
      <bottom style="thin">
        <color indexed="8"/>
      </bottom>
      <diagonal/>
    </border>
    <border>
      <left style="thin">
        <color indexed="8"/>
      </left>
      <right/>
      <top style="thin">
        <color indexed="8"/>
      </top>
      <bottom/>
      <diagonal/>
    </border>
    <border>
      <left/>
      <right/>
      <top style="thin">
        <color indexed="8"/>
      </top>
      <bottom/>
      <diagonal/>
    </border>
    <border>
      <left/>
      <right style="thin">
        <color indexed="64"/>
      </right>
      <top style="thin">
        <color indexed="64"/>
      </top>
      <bottom style="thin">
        <color indexed="8"/>
      </bottom>
      <diagonal/>
    </border>
    <border>
      <left/>
      <right/>
      <top style="thin">
        <color auto="1"/>
      </top>
      <bottom/>
      <diagonal/>
    </border>
    <border>
      <left/>
      <right/>
      <top style="thin">
        <color indexed="8"/>
      </top>
      <bottom style="thin">
        <color indexed="8"/>
      </bottom>
      <diagonal/>
    </border>
    <border>
      <left/>
      <right/>
      <top style="thin">
        <color indexed="8"/>
      </top>
      <bottom/>
      <diagonal/>
    </border>
    <border>
      <left/>
      <right style="thin">
        <color indexed="8"/>
      </right>
      <top style="thin">
        <color indexed="8"/>
      </top>
      <bottom style="thin">
        <color indexed="8"/>
      </bottom>
      <diagonal/>
    </border>
    <border>
      <left/>
      <right style="thin">
        <color indexed="8"/>
      </right>
      <top style="thin">
        <color indexed="8"/>
      </top>
      <bottom/>
      <diagonal/>
    </border>
    <border>
      <left/>
      <right style="thin">
        <color indexed="8"/>
      </right>
      <top style="thin">
        <color auto="1"/>
      </top>
      <bottom/>
      <diagonal/>
    </border>
    <border>
      <left/>
      <right style="thin">
        <color indexed="64"/>
      </right>
      <top style="thin">
        <color indexed="8"/>
      </top>
      <bottom style="thin">
        <color indexed="8"/>
      </bottom>
      <diagonal/>
    </border>
    <border>
      <left/>
      <right style="thin">
        <color indexed="64"/>
      </right>
      <top style="thin">
        <color indexed="8"/>
      </top>
      <bottom/>
      <diagonal/>
    </border>
    <border>
      <left/>
      <right/>
      <top style="thin">
        <color indexed="64"/>
      </top>
      <bottom/>
      <diagonal/>
    </border>
    <border>
      <left/>
      <right style="thin">
        <color indexed="64"/>
      </right>
      <top style="thin">
        <color indexed="64"/>
      </top>
      <bottom style="thin">
        <color indexed="8"/>
      </bottom>
      <diagonal/>
    </border>
    <border>
      <left/>
      <right style="thin">
        <color indexed="64"/>
      </right>
      <top style="thin">
        <color indexed="64"/>
      </top>
      <bottom/>
      <diagonal/>
    </border>
    <border>
      <left/>
      <right style="thin">
        <color auto="1"/>
      </right>
      <top/>
      <bottom/>
      <diagonal/>
    </border>
    <border>
      <left style="thin">
        <color indexed="64"/>
      </left>
      <right/>
      <top style="thin">
        <color indexed="64"/>
      </top>
      <bottom/>
      <diagonal/>
    </border>
    <border>
      <left/>
      <right/>
      <top style="thin">
        <color indexed="64"/>
      </top>
      <bottom/>
      <diagonal/>
    </border>
    <border>
      <left/>
      <right style="thin">
        <color indexed="8"/>
      </right>
      <top style="thin">
        <color indexed="64"/>
      </top>
      <bottom/>
      <diagonal/>
    </border>
    <border>
      <left/>
      <right style="thin">
        <color auto="1"/>
      </right>
      <top/>
      <bottom style="thin">
        <color auto="1"/>
      </bottom>
      <diagonal/>
    </border>
    <border>
      <left/>
      <right style="thin">
        <color auto="1"/>
      </right>
      <top style="thin">
        <color auto="1"/>
      </top>
      <bottom/>
      <diagonal/>
    </border>
    <border>
      <left/>
      <right style="thin">
        <color indexed="64"/>
      </right>
      <top style="thin">
        <color indexed="8"/>
      </top>
      <bottom/>
      <diagonal/>
    </border>
    <border>
      <left/>
      <right/>
      <top/>
      <bottom style="thin">
        <color indexed="64"/>
      </bottom>
      <diagonal/>
    </border>
  </borders>
  <cellStyleXfs count="9">
    <xf numFmtId="0" fontId="0" fillId="0" borderId="0"/>
    <xf numFmtId="0" fontId="7" fillId="0" borderId="0"/>
    <xf numFmtId="0" fontId="8" fillId="0" borderId="0"/>
    <xf numFmtId="0" fontId="1" fillId="0" borderId="0">
      <alignment vertical="center"/>
    </xf>
    <xf numFmtId="0" fontId="1" fillId="0" borderId="0">
      <alignment vertical="center"/>
    </xf>
    <xf numFmtId="0" fontId="1" fillId="0" borderId="0">
      <alignment vertical="center"/>
    </xf>
    <xf numFmtId="0" fontId="7" fillId="0" borderId="0"/>
    <xf numFmtId="38" fontId="1" fillId="0" borderId="0" applyFont="0" applyFill="0" applyBorder="0" applyAlignment="0" applyProtection="0">
      <alignment vertical="center"/>
    </xf>
    <xf numFmtId="6" fontId="1" fillId="0" borderId="0" applyFont="0" applyFill="0" applyBorder="0" applyAlignment="0" applyProtection="0">
      <alignment vertical="center"/>
    </xf>
  </cellStyleXfs>
  <cellXfs count="321">
    <xf numFmtId="0" fontId="0" fillId="0" borderId="0" xfId="0"/>
    <xf numFmtId="0" fontId="9" fillId="0" borderId="0" xfId="2" applyFont="1" applyFill="1"/>
    <xf numFmtId="0" fontId="9" fillId="0" borderId="1" xfId="2" applyFont="1" applyFill="1" applyBorder="1"/>
    <xf numFmtId="0" fontId="10" fillId="0" borderId="2" xfId="2" applyFont="1" applyFill="1" applyBorder="1" applyAlignment="1">
      <alignment horizontal="left" vertical="top" wrapText="1" indent="1"/>
    </xf>
    <xf numFmtId="0" fontId="9" fillId="0" borderId="0" xfId="2" applyFont="1" applyFill="1" applyAlignment="1">
      <alignment horizontal="right" vertical="top"/>
    </xf>
    <xf numFmtId="49" fontId="16" fillId="0" borderId="0" xfId="2" applyNumberFormat="1" applyFont="1" applyFill="1" applyAlignment="1">
      <alignment horizontal="left" vertical="top"/>
    </xf>
    <xf numFmtId="0" fontId="17" fillId="0" borderId="2" xfId="2" applyFont="1" applyFill="1" applyBorder="1" applyAlignment="1">
      <alignment horizontal="left" vertical="top" wrapText="1" indent="1"/>
    </xf>
    <xf numFmtId="0" fontId="9" fillId="0" borderId="0" xfId="2" applyFont="1" applyFill="1" applyBorder="1"/>
    <xf numFmtId="0" fontId="9" fillId="0" borderId="5" xfId="2" applyFont="1" applyFill="1" applyBorder="1" applyAlignment="1">
      <alignment horizontal="center" vertical="top"/>
    </xf>
    <xf numFmtId="0" fontId="9" fillId="0" borderId="0" xfId="2" applyFont="1" applyFill="1" applyBorder="1" applyAlignment="1">
      <alignment horizontal="center" vertical="top"/>
    </xf>
    <xf numFmtId="37" fontId="9" fillId="0" borderId="0" xfId="2" applyNumberFormat="1" applyFont="1" applyFill="1" applyBorder="1" applyAlignment="1">
      <alignment horizontal="right" vertical="top" indent="1"/>
    </xf>
    <xf numFmtId="0" fontId="9" fillId="0" borderId="7" xfId="2" applyFont="1" applyFill="1" applyBorder="1" applyAlignment="1">
      <alignment horizontal="center" vertical="top"/>
    </xf>
    <xf numFmtId="0" fontId="9" fillId="0" borderId="4" xfId="2" applyFont="1" applyFill="1" applyBorder="1" applyAlignment="1">
      <alignment horizontal="center" vertical="top"/>
    </xf>
    <xf numFmtId="49" fontId="9" fillId="0" borderId="5" xfId="2" applyNumberFormat="1" applyFont="1" applyFill="1" applyBorder="1" applyAlignment="1">
      <alignment horizontal="left" vertical="top" wrapText="1" indent="1"/>
    </xf>
    <xf numFmtId="49" fontId="9" fillId="0" borderId="0" xfId="2" applyNumberFormat="1" applyFont="1" applyFill="1" applyBorder="1" applyAlignment="1">
      <alignment horizontal="left" vertical="top" wrapText="1" indent="1"/>
    </xf>
    <xf numFmtId="178" fontId="9" fillId="0" borderId="0" xfId="4" applyNumberFormat="1" applyFont="1" applyFill="1" applyBorder="1" applyProtection="1">
      <alignment vertical="center"/>
    </xf>
    <xf numFmtId="178" fontId="9" fillId="0" borderId="0" xfId="5" applyNumberFormat="1" applyFont="1" applyFill="1" applyBorder="1" applyAlignment="1" applyProtection="1">
      <alignment horizontal="right" vertical="center"/>
    </xf>
    <xf numFmtId="178" fontId="9" fillId="0" borderId="0" xfId="4" applyNumberFormat="1" applyFont="1" applyFill="1" applyBorder="1" applyAlignment="1" applyProtection="1">
      <alignment horizontal="right" vertical="center"/>
    </xf>
    <xf numFmtId="180" fontId="9" fillId="0" borderId="0" xfId="5" applyNumberFormat="1" applyFont="1" applyFill="1" applyBorder="1" applyAlignment="1" applyProtection="1">
      <alignment horizontal="right" vertical="center"/>
    </xf>
    <xf numFmtId="179" fontId="9" fillId="0" borderId="0" xfId="4" applyNumberFormat="1" applyFont="1" applyFill="1" applyBorder="1" applyProtection="1">
      <alignment vertical="center"/>
    </xf>
    <xf numFmtId="177" fontId="9" fillId="0" borderId="0" xfId="4" applyNumberFormat="1" applyFont="1" applyFill="1" applyBorder="1" applyAlignment="1">
      <alignment horizontal="right" vertical="center"/>
    </xf>
    <xf numFmtId="0" fontId="9" fillId="0" borderId="0" xfId="5" applyFont="1" applyFill="1" applyBorder="1">
      <alignment vertical="center"/>
    </xf>
    <xf numFmtId="178" fontId="18" fillId="0" borderId="0" xfId="4" applyNumberFormat="1" applyFont="1" applyFill="1" applyBorder="1" applyAlignment="1" applyProtection="1">
      <alignment horizontal="right" vertical="center"/>
    </xf>
    <xf numFmtId="49" fontId="9" fillId="0" borderId="0" xfId="2" applyNumberFormat="1" applyFont="1" applyFill="1" applyBorder="1" applyAlignment="1">
      <alignment horizontal="left" vertical="top" wrapText="1" indent="4"/>
    </xf>
    <xf numFmtId="49" fontId="9" fillId="0" borderId="0" xfId="2" applyNumberFormat="1" applyFont="1" applyFill="1" applyBorder="1" applyAlignment="1">
      <alignment horizontal="left" vertical="top" wrapText="1" indent="3"/>
    </xf>
    <xf numFmtId="49" fontId="9" fillId="0" borderId="0" xfId="2" applyNumberFormat="1" applyFont="1" applyFill="1" applyBorder="1" applyAlignment="1">
      <alignment horizontal="left" vertical="top" wrapText="1" indent="2"/>
    </xf>
    <xf numFmtId="177" fontId="9" fillId="0" borderId="0" xfId="4" applyNumberFormat="1" applyFont="1" applyFill="1" applyBorder="1" applyAlignment="1" applyProtection="1">
      <alignment horizontal="right" vertical="center"/>
    </xf>
    <xf numFmtId="180" fontId="18" fillId="0" borderId="0" xfId="4" applyNumberFormat="1" applyFont="1" applyFill="1" applyBorder="1" applyAlignment="1" applyProtection="1">
      <alignment horizontal="right" vertical="center"/>
    </xf>
    <xf numFmtId="181" fontId="9" fillId="0" borderId="0" xfId="4" applyNumberFormat="1" applyFont="1" applyFill="1" applyBorder="1" applyAlignment="1" applyProtection="1">
      <alignment horizontal="right" vertical="center" indent="1"/>
    </xf>
    <xf numFmtId="181" fontId="9" fillId="0" borderId="0" xfId="5" applyNumberFormat="1" applyFont="1" applyFill="1" applyBorder="1" applyAlignment="1" applyProtection="1">
      <alignment horizontal="right" vertical="center" indent="1"/>
    </xf>
    <xf numFmtId="181" fontId="9" fillId="0" borderId="10" xfId="4" applyNumberFormat="1" applyFont="1" applyFill="1" applyBorder="1" applyAlignment="1" applyProtection="1">
      <alignment horizontal="right" vertical="center" indent="1"/>
    </xf>
    <xf numFmtId="181" fontId="9" fillId="0" borderId="10" xfId="4" applyNumberFormat="1" applyFont="1" applyFill="1" applyBorder="1" applyAlignment="1">
      <alignment horizontal="right" vertical="center" indent="1"/>
    </xf>
    <xf numFmtId="181" fontId="9" fillId="0" borderId="0" xfId="4" applyNumberFormat="1" applyFont="1" applyFill="1" applyBorder="1" applyAlignment="1">
      <alignment horizontal="right" vertical="center" indent="1"/>
    </xf>
    <xf numFmtId="181" fontId="9" fillId="0" borderId="0" xfId="5" applyNumberFormat="1" applyFont="1" applyFill="1" applyBorder="1" applyAlignment="1">
      <alignment horizontal="right" vertical="center" indent="1"/>
    </xf>
    <xf numFmtId="181" fontId="18" fillId="0" borderId="0" xfId="4" applyNumberFormat="1" applyFont="1" applyFill="1" applyBorder="1" applyAlignment="1" applyProtection="1">
      <alignment horizontal="right" vertical="center" indent="1"/>
    </xf>
    <xf numFmtId="181" fontId="9" fillId="0" borderId="0" xfId="3" applyNumberFormat="1" applyFont="1" applyFill="1" applyBorder="1" applyAlignment="1" applyProtection="1">
      <alignment horizontal="right" vertical="center" indent="1"/>
    </xf>
    <xf numFmtId="181" fontId="9" fillId="0" borderId="7" xfId="3" applyNumberFormat="1" applyFont="1" applyFill="1" applyBorder="1" applyAlignment="1" applyProtection="1">
      <alignment horizontal="right" vertical="center" indent="1"/>
    </xf>
    <xf numFmtId="181" fontId="9" fillId="0" borderId="5" xfId="3" applyNumberFormat="1" applyFont="1" applyFill="1" applyBorder="1" applyAlignment="1" applyProtection="1">
      <alignment horizontal="right" vertical="center" indent="1"/>
    </xf>
    <xf numFmtId="181" fontId="9" fillId="0" borderId="10" xfId="3" applyNumberFormat="1" applyFont="1" applyFill="1" applyBorder="1" applyAlignment="1" applyProtection="1">
      <alignment horizontal="right" vertical="center" indent="1"/>
    </xf>
    <xf numFmtId="0" fontId="9" fillId="0" borderId="0" xfId="2" applyFont="1" applyFill="1" applyAlignment="1">
      <alignment horizontal="right"/>
    </xf>
    <xf numFmtId="181" fontId="9" fillId="0" borderId="2" xfId="3" applyNumberFormat="1" applyFont="1" applyFill="1" applyBorder="1" applyAlignment="1" applyProtection="1">
      <alignment horizontal="right" vertical="center" indent="1"/>
    </xf>
    <xf numFmtId="0" fontId="0" fillId="0" borderId="0" xfId="0" applyAlignment="1">
      <alignment vertical="center"/>
    </xf>
    <xf numFmtId="0" fontId="0" fillId="0" borderId="0" xfId="0" applyAlignment="1">
      <alignment horizontal="right" vertical="center"/>
    </xf>
    <xf numFmtId="0" fontId="0" fillId="0" borderId="0" xfId="0" applyAlignment="1">
      <alignment horizontal="centerContinuous" vertical="center"/>
    </xf>
    <xf numFmtId="0" fontId="0" fillId="0" borderId="0" xfId="0" applyAlignment="1">
      <alignment horizontal="center" vertical="center"/>
    </xf>
    <xf numFmtId="0" fontId="0" fillId="0" borderId="0" xfId="0" applyBorder="1" applyAlignment="1">
      <alignment vertical="center"/>
    </xf>
    <xf numFmtId="0" fontId="6" fillId="0" borderId="6" xfId="0" applyFont="1" applyBorder="1" applyAlignment="1">
      <alignment horizontal="center" vertical="center"/>
    </xf>
    <xf numFmtId="0" fontId="6" fillId="0" borderId="0" xfId="0" applyFont="1" applyBorder="1" applyAlignment="1">
      <alignment horizontal="center" vertical="center"/>
    </xf>
    <xf numFmtId="0" fontId="6" fillId="0" borderId="14" xfId="0" applyFont="1" applyBorder="1" applyAlignment="1">
      <alignment horizontal="center" vertical="center"/>
    </xf>
    <xf numFmtId="0" fontId="0" fillId="0" borderId="0" xfId="0" applyBorder="1" applyAlignment="1">
      <alignment horizontal="centerContinuous" vertical="center"/>
    </xf>
    <xf numFmtId="0" fontId="6" fillId="0" borderId="9" xfId="0" applyFont="1" applyBorder="1" applyAlignment="1">
      <alignment horizontal="left" vertical="center"/>
    </xf>
    <xf numFmtId="0" fontId="6" fillId="0" borderId="7" xfId="0" applyFont="1" applyBorder="1" applyAlignment="1">
      <alignment vertical="center"/>
    </xf>
    <xf numFmtId="0" fontId="0" fillId="0" borderId="7" xfId="0" applyBorder="1" applyAlignment="1">
      <alignment vertical="center"/>
    </xf>
    <xf numFmtId="49" fontId="6" fillId="0" borderId="12" xfId="0" applyNumberFormat="1" applyFont="1" applyBorder="1" applyAlignment="1">
      <alignment horizontal="left" vertical="center"/>
    </xf>
    <xf numFmtId="10" fontId="0" fillId="0" borderId="0" xfId="0" applyNumberFormat="1" applyAlignment="1">
      <alignment vertical="center"/>
    </xf>
    <xf numFmtId="49" fontId="9" fillId="0" borderId="6" xfId="2" applyNumberFormat="1" applyFont="1" applyFill="1" applyBorder="1" applyAlignment="1">
      <alignment horizontal="left" vertical="center" wrapText="1" indent="1"/>
    </xf>
    <xf numFmtId="49" fontId="9" fillId="0" borderId="8" xfId="2" applyNumberFormat="1" applyFont="1" applyFill="1" applyBorder="1" applyAlignment="1">
      <alignment horizontal="left" vertical="center" wrapText="1" indent="1"/>
    </xf>
    <xf numFmtId="49" fontId="9" fillId="0" borderId="9" xfId="2" applyNumberFormat="1" applyFont="1" applyFill="1" applyBorder="1" applyAlignment="1">
      <alignment horizontal="left" vertical="center" wrapText="1" indent="1"/>
    </xf>
    <xf numFmtId="49" fontId="17" fillId="0" borderId="2" xfId="2" applyNumberFormat="1" applyFont="1" applyFill="1" applyBorder="1" applyAlignment="1">
      <alignment horizontal="right" vertical="center" indent="1"/>
    </xf>
    <xf numFmtId="0" fontId="9" fillId="0" borderId="0" xfId="6" applyFont="1" applyFill="1"/>
    <xf numFmtId="49" fontId="16" fillId="0" borderId="0" xfId="6" applyNumberFormat="1" applyFont="1" applyFill="1" applyAlignment="1">
      <alignment horizontal="left" vertical="top"/>
    </xf>
    <xf numFmtId="0" fontId="9" fillId="0" borderId="1" xfId="6" applyFont="1" applyFill="1" applyBorder="1"/>
    <xf numFmtId="0" fontId="14" fillId="0" borderId="0" xfId="6" applyFont="1" applyFill="1" applyAlignment="1">
      <alignment horizontal="left" vertical="top"/>
    </xf>
    <xf numFmtId="0" fontId="9" fillId="0" borderId="0" xfId="6" applyFont="1" applyFill="1" applyBorder="1"/>
    <xf numFmtId="0" fontId="14" fillId="0" borderId="0" xfId="6" applyFont="1" applyFill="1" applyBorder="1" applyAlignment="1">
      <alignment horizontal="left" vertical="top"/>
    </xf>
    <xf numFmtId="0" fontId="11" fillId="0" borderId="0" xfId="6" applyFont="1" applyFill="1" applyBorder="1" applyAlignment="1">
      <alignment horizontal="left" vertical="top"/>
    </xf>
    <xf numFmtId="181" fontId="9" fillId="0" borderId="4" xfId="3" applyNumberFormat="1" applyFont="1" applyFill="1" applyBorder="1" applyAlignment="1" applyProtection="1">
      <alignment horizontal="right" vertical="center" indent="1"/>
    </xf>
    <xf numFmtId="0" fontId="12" fillId="0" borderId="0" xfId="4" applyFont="1" applyFill="1" applyAlignment="1">
      <alignment horizontal="left" vertical="center"/>
    </xf>
    <xf numFmtId="0" fontId="9" fillId="0" borderId="0" xfId="6" applyFont="1" applyFill="1" applyAlignment="1">
      <alignment horizontal="right"/>
    </xf>
    <xf numFmtId="0" fontId="15" fillId="0" borderId="0" xfId="4" applyFont="1" applyFill="1" applyAlignment="1">
      <alignment horizontal="left" vertical="center"/>
    </xf>
    <xf numFmtId="0" fontId="13" fillId="0" borderId="0" xfId="4" applyFont="1" applyFill="1" applyAlignment="1">
      <alignment horizontal="centerContinuous"/>
    </xf>
    <xf numFmtId="0" fontId="14" fillId="0" borderId="0" xfId="4" applyFont="1" applyFill="1" applyAlignment="1">
      <alignment horizontal="centerContinuous" vertical="center"/>
    </xf>
    <xf numFmtId="176" fontId="14" fillId="0" borderId="0" xfId="4" applyNumberFormat="1" applyFont="1" applyFill="1" applyAlignment="1">
      <alignment horizontal="centerContinuous" vertical="center"/>
    </xf>
    <xf numFmtId="0" fontId="14" fillId="0" borderId="0" xfId="4" applyFont="1" applyFill="1">
      <alignment vertical="center"/>
    </xf>
    <xf numFmtId="0" fontId="9" fillId="0" borderId="0" xfId="6" applyFont="1" applyFill="1" applyAlignment="1">
      <alignment horizontal="right" vertical="top"/>
    </xf>
    <xf numFmtId="181" fontId="9" fillId="0" borderId="4" xfId="5" applyNumberFormat="1" applyFont="1" applyFill="1" applyBorder="1" applyAlignment="1" applyProtection="1">
      <alignment horizontal="right" vertical="center" indent="1"/>
    </xf>
    <xf numFmtId="181" fontId="9" fillId="0" borderId="13" xfId="3" applyNumberFormat="1" applyFont="1" applyFill="1" applyBorder="1" applyAlignment="1" applyProtection="1">
      <alignment horizontal="right" vertical="center" indent="1"/>
    </xf>
    <xf numFmtId="49" fontId="9" fillId="0" borderId="21" xfId="6" applyNumberFormat="1" applyFont="1" applyFill="1" applyBorder="1" applyAlignment="1">
      <alignment horizontal="left" vertical="top" wrapText="1" indent="2"/>
    </xf>
    <xf numFmtId="182" fontId="14" fillId="0" borderId="0" xfId="6" applyNumberFormat="1" applyFont="1" applyFill="1" applyBorder="1" applyAlignment="1">
      <alignment horizontal="left" vertical="top"/>
    </xf>
    <xf numFmtId="49" fontId="9" fillId="0" borderId="3" xfId="6" applyNumberFormat="1" applyFont="1" applyFill="1" applyBorder="1" applyAlignment="1">
      <alignment horizontal="left" vertical="top" wrapText="1" indent="1"/>
    </xf>
    <xf numFmtId="49" fontId="17" fillId="0" borderId="0" xfId="6" applyNumberFormat="1" applyFont="1" applyFill="1" applyBorder="1" applyAlignment="1">
      <alignment horizontal="right" vertical="top" indent="1"/>
    </xf>
    <xf numFmtId="0" fontId="10" fillId="0" borderId="0" xfId="6" applyFont="1" applyFill="1" applyBorder="1" applyAlignment="1">
      <alignment horizontal="left" vertical="top" wrapText="1" indent="1"/>
    </xf>
    <xf numFmtId="49" fontId="9" fillId="0" borderId="6" xfId="2" applyNumberFormat="1" applyFont="1" applyFill="1" applyBorder="1" applyAlignment="1">
      <alignment horizontal="left" vertical="center" wrapText="1" indent="1" shrinkToFit="1"/>
    </xf>
    <xf numFmtId="49" fontId="17" fillId="0" borderId="20" xfId="6" applyNumberFormat="1" applyFont="1" applyFill="1" applyBorder="1" applyAlignment="1">
      <alignment horizontal="right" vertical="top" indent="1"/>
    </xf>
    <xf numFmtId="49" fontId="9" fillId="0" borderId="3" xfId="6" applyNumberFormat="1" applyFont="1" applyFill="1" applyBorder="1" applyAlignment="1">
      <alignment horizontal="left" vertical="top" wrapText="1" indent="2"/>
    </xf>
    <xf numFmtId="49" fontId="9" fillId="0" borderId="3" xfId="6" applyNumberFormat="1" applyFont="1" applyFill="1" applyBorder="1" applyAlignment="1">
      <alignment horizontal="left" vertical="top" wrapText="1" indent="3"/>
    </xf>
    <xf numFmtId="49" fontId="9" fillId="0" borderId="3" xfId="6" applyNumberFormat="1" applyFont="1" applyFill="1" applyBorder="1" applyAlignment="1">
      <alignment horizontal="left" vertical="top" wrapText="1" indent="4"/>
    </xf>
    <xf numFmtId="49" fontId="9" fillId="0" borderId="3" xfId="6" applyNumberFormat="1" applyFont="1" applyFill="1" applyBorder="1" applyAlignment="1">
      <alignment horizontal="left" vertical="top" indent="3" shrinkToFit="1"/>
    </xf>
    <xf numFmtId="37" fontId="9" fillId="0" borderId="0" xfId="6" applyNumberFormat="1" applyFont="1" applyFill="1" applyBorder="1" applyAlignment="1">
      <alignment horizontal="right" vertical="top" indent="1"/>
    </xf>
    <xf numFmtId="0" fontId="19" fillId="0" borderId="0" xfId="6" applyFont="1" applyFill="1"/>
    <xf numFmtId="0" fontId="20" fillId="0" borderId="0" xfId="6" applyFont="1" applyFill="1" applyBorder="1" applyAlignment="1">
      <alignment horizontal="left" vertical="top"/>
    </xf>
    <xf numFmtId="182" fontId="19" fillId="0" borderId="0" xfId="6" applyNumberFormat="1" applyFont="1" applyFill="1" applyBorder="1" applyAlignment="1">
      <alignment horizontal="right" vertical="top" indent="1"/>
    </xf>
    <xf numFmtId="185" fontId="9" fillId="0" borderId="0" xfId="6" applyNumberFormat="1" applyFont="1" applyFill="1" applyBorder="1" applyAlignment="1">
      <alignment horizontal="right" vertical="top" indent="1"/>
    </xf>
    <xf numFmtId="0" fontId="12" fillId="0" borderId="0" xfId="4" applyFont="1" applyFill="1" applyAlignment="1" applyProtection="1">
      <alignment horizontal="left" vertical="center"/>
    </xf>
    <xf numFmtId="0" fontId="15" fillId="0" borderId="0" xfId="4" applyFont="1" applyFill="1" applyAlignment="1" applyProtection="1">
      <alignment horizontal="left" vertical="center"/>
    </xf>
    <xf numFmtId="0" fontId="13" fillId="0" borderId="0" xfId="4" applyFont="1" applyFill="1" applyAlignment="1" applyProtection="1">
      <alignment horizontal="centerContinuous"/>
    </xf>
    <xf numFmtId="0" fontId="9" fillId="0" borderId="0" xfId="2" applyFont="1" applyFill="1" applyAlignment="1" applyProtection="1">
      <alignment horizontal="right"/>
    </xf>
    <xf numFmtId="176" fontId="14" fillId="0" borderId="0" xfId="4" applyNumberFormat="1" applyFont="1" applyFill="1" applyAlignment="1" applyProtection="1">
      <alignment horizontal="centerContinuous" vertical="center"/>
    </xf>
    <xf numFmtId="0" fontId="14" fillId="0" borderId="0" xfId="4" applyFont="1" applyFill="1" applyProtection="1">
      <alignment vertical="center"/>
    </xf>
    <xf numFmtId="0" fontId="9" fillId="0" borderId="0" xfId="2" applyFont="1" applyFill="1" applyProtection="1"/>
    <xf numFmtId="0" fontId="17" fillId="0" borderId="16" xfId="2" applyFont="1" applyFill="1" applyBorder="1" applyAlignment="1" applyProtection="1">
      <alignment horizontal="left" vertical="top" wrapText="1" indent="1"/>
    </xf>
    <xf numFmtId="0" fontId="10" fillId="0" borderId="17" xfId="2" applyFont="1" applyFill="1" applyBorder="1" applyAlignment="1" applyProtection="1">
      <alignment horizontal="left" vertical="top" wrapText="1" indent="1"/>
    </xf>
    <xf numFmtId="49" fontId="17" fillId="0" borderId="17" xfId="2" applyNumberFormat="1" applyFont="1" applyFill="1" applyBorder="1" applyAlignment="1" applyProtection="1">
      <alignment horizontal="right" vertical="center" indent="1"/>
    </xf>
    <xf numFmtId="49" fontId="9" fillId="0" borderId="6" xfId="2" applyNumberFormat="1" applyFont="1" applyFill="1" applyBorder="1" applyAlignment="1" applyProtection="1">
      <alignment horizontal="left" vertical="center" indent="1"/>
    </xf>
    <xf numFmtId="0" fontId="9" fillId="0" borderId="0" xfId="2" applyFont="1" applyFill="1" applyBorder="1" applyProtection="1"/>
    <xf numFmtId="0" fontId="9" fillId="0" borderId="0" xfId="2" applyFont="1" applyFill="1" applyBorder="1" applyAlignment="1" applyProtection="1">
      <alignment vertical="center"/>
    </xf>
    <xf numFmtId="0" fontId="9" fillId="0" borderId="0" xfId="2" applyFont="1" applyFill="1" applyBorder="1" applyAlignment="1" applyProtection="1">
      <alignment horizontal="center" vertical="top"/>
    </xf>
    <xf numFmtId="37" fontId="9" fillId="0" borderId="0" xfId="2" applyNumberFormat="1" applyFont="1" applyFill="1" applyBorder="1" applyAlignment="1" applyProtection="1">
      <alignment horizontal="right" vertical="center" indent="1"/>
    </xf>
    <xf numFmtId="181" fontId="9" fillId="0" borderId="0" xfId="2" applyNumberFormat="1" applyFont="1" applyFill="1" applyBorder="1" applyAlignment="1" applyProtection="1">
      <alignment horizontal="right" vertical="center" indent="1"/>
    </xf>
    <xf numFmtId="181" fontId="9" fillId="0" borderId="10" xfId="2" applyNumberFormat="1" applyFont="1" applyFill="1" applyBorder="1" applyAlignment="1" applyProtection="1">
      <alignment horizontal="right" vertical="center" indent="1"/>
    </xf>
    <xf numFmtId="181" fontId="9" fillId="0" borderId="13" xfId="2" applyNumberFormat="1" applyFont="1" applyFill="1" applyBorder="1" applyAlignment="1" applyProtection="1">
      <alignment horizontal="right" vertical="center" indent="1"/>
    </xf>
    <xf numFmtId="181" fontId="9" fillId="0" borderId="18" xfId="2" applyNumberFormat="1" applyFont="1" applyFill="1" applyBorder="1" applyAlignment="1" applyProtection="1">
      <alignment horizontal="right" vertical="center" indent="1"/>
    </xf>
    <xf numFmtId="49" fontId="9" fillId="0" borderId="0" xfId="2" applyNumberFormat="1" applyFont="1" applyFill="1" applyBorder="1" applyAlignment="1" applyProtection="1">
      <alignment horizontal="left" vertical="center" wrapText="1" indent="2"/>
    </xf>
    <xf numFmtId="0" fontId="14" fillId="0" borderId="0" xfId="2" applyFont="1" applyFill="1" applyBorder="1" applyAlignment="1" applyProtection="1">
      <alignment horizontal="left" vertical="center" wrapText="1"/>
    </xf>
    <xf numFmtId="0" fontId="9" fillId="0" borderId="0" xfId="2" applyFont="1" applyFill="1" applyAlignment="1" applyProtection="1"/>
    <xf numFmtId="0" fontId="17" fillId="0" borderId="16" xfId="6" applyFont="1" applyFill="1" applyBorder="1" applyAlignment="1">
      <alignment horizontal="left" vertical="top" wrapText="1" indent="1"/>
    </xf>
    <xf numFmtId="0" fontId="10" fillId="0" borderId="17" xfId="6" applyFont="1" applyFill="1" applyBorder="1" applyAlignment="1">
      <alignment horizontal="left" vertical="top" wrapText="1" indent="1"/>
    </xf>
    <xf numFmtId="49" fontId="17" fillId="0" borderId="17" xfId="6" applyNumberFormat="1" applyFont="1" applyFill="1" applyBorder="1" applyAlignment="1">
      <alignment horizontal="right" vertical="top" indent="1"/>
    </xf>
    <xf numFmtId="49" fontId="9" fillId="0" borderId="6" xfId="6" applyNumberFormat="1" applyFont="1" applyFill="1" applyBorder="1" applyAlignment="1">
      <alignment horizontal="left" vertical="top" wrapText="1" indent="1"/>
    </xf>
    <xf numFmtId="0" fontId="9" fillId="0" borderId="0" xfId="6" applyFont="1" applyFill="1" applyBorder="1" applyAlignment="1">
      <alignment horizontal="center" vertical="top"/>
    </xf>
    <xf numFmtId="181" fontId="9" fillId="0" borderId="0" xfId="6" applyNumberFormat="1" applyFont="1" applyFill="1" applyBorder="1" applyAlignment="1">
      <alignment horizontal="right" vertical="top" indent="1"/>
    </xf>
    <xf numFmtId="183" fontId="9" fillId="0" borderId="0" xfId="6" applyNumberFormat="1" applyFont="1" applyFill="1" applyBorder="1" applyAlignment="1">
      <alignment horizontal="right" vertical="top" indent="1"/>
    </xf>
    <xf numFmtId="49" fontId="9" fillId="0" borderId="9" xfId="6" applyNumberFormat="1" applyFont="1" applyFill="1" applyBorder="1" applyAlignment="1">
      <alignment horizontal="left" vertical="top" wrapText="1" indent="1"/>
    </xf>
    <xf numFmtId="0" fontId="9" fillId="0" borderId="23" xfId="6" applyFont="1" applyFill="1" applyBorder="1" applyAlignment="1">
      <alignment horizontal="center" vertical="top"/>
    </xf>
    <xf numFmtId="183" fontId="9" fillId="0" borderId="23" xfId="6" applyNumberFormat="1" applyFont="1" applyFill="1" applyBorder="1" applyAlignment="1">
      <alignment horizontal="right" vertical="top" indent="1"/>
    </xf>
    <xf numFmtId="182" fontId="9" fillId="0" borderId="0" xfId="6" applyNumberFormat="1" applyFont="1" applyFill="1" applyBorder="1" applyAlignment="1">
      <alignment horizontal="right" vertical="top" indent="1"/>
    </xf>
    <xf numFmtId="182" fontId="9" fillId="0" borderId="23" xfId="6" applyNumberFormat="1" applyFont="1" applyFill="1" applyBorder="1" applyAlignment="1">
      <alignment horizontal="right" vertical="top" indent="1"/>
    </xf>
    <xf numFmtId="182" fontId="9" fillId="0" borderId="12" xfId="6" applyNumberFormat="1" applyFont="1" applyFill="1" applyBorder="1" applyAlignment="1">
      <alignment horizontal="right" vertical="top" indent="1"/>
    </xf>
    <xf numFmtId="181" fontId="9" fillId="0" borderId="23" xfId="6" applyNumberFormat="1" applyFont="1" applyFill="1" applyBorder="1" applyAlignment="1">
      <alignment horizontal="right" vertical="top" indent="1"/>
    </xf>
    <xf numFmtId="185" fontId="9" fillId="0" borderId="12" xfId="6" applyNumberFormat="1" applyFont="1" applyFill="1" applyBorder="1" applyAlignment="1">
      <alignment horizontal="right" vertical="top" indent="1"/>
    </xf>
    <xf numFmtId="37" fontId="9" fillId="0" borderId="23" xfId="6" applyNumberFormat="1" applyFont="1" applyFill="1" applyBorder="1" applyAlignment="1">
      <alignment horizontal="right" vertical="top" indent="1"/>
    </xf>
    <xf numFmtId="37" fontId="9" fillId="0" borderId="12" xfId="6" applyNumberFormat="1" applyFont="1" applyFill="1" applyBorder="1" applyAlignment="1">
      <alignment horizontal="right" vertical="top" indent="1"/>
    </xf>
    <xf numFmtId="39" fontId="9" fillId="0" borderId="0" xfId="6" applyNumberFormat="1" applyFont="1" applyFill="1" applyBorder="1" applyAlignment="1">
      <alignment horizontal="right" vertical="top" indent="1"/>
    </xf>
    <xf numFmtId="184" fontId="9" fillId="0" borderId="0" xfId="6" applyNumberFormat="1" applyFont="1" applyFill="1" applyBorder="1" applyAlignment="1">
      <alignment horizontal="right" vertical="top" indent="1"/>
    </xf>
    <xf numFmtId="0" fontId="17" fillId="0" borderId="6" xfId="6" applyFont="1" applyFill="1" applyBorder="1" applyAlignment="1">
      <alignment horizontal="left" vertical="top" wrapText="1" indent="1"/>
    </xf>
    <xf numFmtId="0" fontId="9" fillId="0" borderId="22" xfId="6" applyFont="1" applyFill="1" applyBorder="1" applyAlignment="1">
      <alignment horizontal="center" vertical="top"/>
    </xf>
    <xf numFmtId="0" fontId="9" fillId="0" borderId="23" xfId="2" applyFont="1" applyFill="1" applyBorder="1" applyAlignment="1" applyProtection="1">
      <alignment horizontal="center" vertical="top"/>
    </xf>
    <xf numFmtId="0" fontId="9" fillId="0" borderId="0" xfId="6" applyFont="1" applyFill="1" applyProtection="1"/>
    <xf numFmtId="0" fontId="9" fillId="0" borderId="0" xfId="6" applyFont="1" applyFill="1" applyBorder="1" applyAlignment="1" applyProtection="1">
      <alignment horizontal="center" vertical="top"/>
    </xf>
    <xf numFmtId="37" fontId="9" fillId="0" borderId="0" xfId="6" applyNumberFormat="1" applyFont="1" applyFill="1" applyBorder="1" applyAlignment="1" applyProtection="1">
      <alignment horizontal="right" vertical="center" indent="1"/>
    </xf>
    <xf numFmtId="181" fontId="9" fillId="0" borderId="0" xfId="6" applyNumberFormat="1" applyFont="1" applyFill="1" applyBorder="1" applyAlignment="1" applyProtection="1">
      <alignment horizontal="right" vertical="center" indent="1"/>
    </xf>
    <xf numFmtId="49" fontId="9" fillId="0" borderId="6" xfId="6" applyNumberFormat="1" applyFont="1" applyFill="1" applyBorder="1" applyAlignment="1">
      <alignment horizontal="left" vertical="center" wrapText="1" indent="1"/>
    </xf>
    <xf numFmtId="181" fontId="9" fillId="0" borderId="23" xfId="3" applyNumberFormat="1" applyFont="1" applyFill="1" applyBorder="1" applyAlignment="1" applyProtection="1">
      <alignment horizontal="right" vertical="center" indent="1"/>
    </xf>
    <xf numFmtId="0" fontId="9" fillId="0" borderId="6" xfId="6" applyFont="1" applyFill="1" applyBorder="1"/>
    <xf numFmtId="0" fontId="14" fillId="0" borderId="0" xfId="2" applyFont="1" applyFill="1" applyBorder="1" applyAlignment="1" applyProtection="1">
      <alignment horizontal="left" vertical="top" wrapText="1"/>
    </xf>
    <xf numFmtId="0" fontId="15" fillId="0" borderId="0" xfId="4" applyFont="1" applyFill="1" applyBorder="1" applyAlignment="1" applyProtection="1">
      <alignment horizontal="left" vertical="center"/>
    </xf>
    <xf numFmtId="0" fontId="13" fillId="0" borderId="0" xfId="4" applyFont="1" applyFill="1" applyBorder="1" applyAlignment="1" applyProtection="1">
      <alignment horizontal="centerContinuous"/>
    </xf>
    <xf numFmtId="0" fontId="14" fillId="0" borderId="0" xfId="4" applyFont="1" applyFill="1" applyBorder="1" applyAlignment="1" applyProtection="1">
      <alignment horizontal="centerContinuous" vertical="center"/>
    </xf>
    <xf numFmtId="0" fontId="12" fillId="0" borderId="0" xfId="4" applyFont="1" applyFill="1" applyBorder="1" applyAlignment="1" applyProtection="1">
      <alignment horizontal="left" vertical="center"/>
    </xf>
    <xf numFmtId="0" fontId="9" fillId="0" borderId="0" xfId="2" applyFont="1" applyFill="1" applyBorder="1" applyAlignment="1" applyProtection="1">
      <alignment horizontal="right"/>
    </xf>
    <xf numFmtId="0" fontId="17" fillId="0" borderId="0" xfId="2" applyFont="1" applyFill="1" applyBorder="1" applyAlignment="1" applyProtection="1">
      <alignment horizontal="left" vertical="top" wrapText="1" indent="1"/>
    </xf>
    <xf numFmtId="0" fontId="10" fillId="0" borderId="0" xfId="2" applyFont="1" applyFill="1" applyBorder="1" applyAlignment="1" applyProtection="1">
      <alignment horizontal="left" vertical="top" wrapText="1" indent="1"/>
    </xf>
    <xf numFmtId="49" fontId="17" fillId="0" borderId="0" xfId="2" applyNumberFormat="1" applyFont="1" applyFill="1" applyBorder="1" applyAlignment="1" applyProtection="1">
      <alignment horizontal="right" vertical="center" indent="1"/>
    </xf>
    <xf numFmtId="49" fontId="9" fillId="0" borderId="0" xfId="2" applyNumberFormat="1" applyFont="1" applyFill="1" applyBorder="1" applyAlignment="1" applyProtection="1">
      <alignment horizontal="left" vertical="center" indent="1"/>
    </xf>
    <xf numFmtId="49" fontId="9" fillId="0" borderId="0" xfId="6" applyNumberFormat="1" applyFont="1" applyFill="1" applyBorder="1" applyAlignment="1" applyProtection="1">
      <alignment horizontal="left" vertical="center" wrapText="1" indent="2"/>
    </xf>
    <xf numFmtId="37" fontId="9" fillId="0" borderId="4" xfId="6" applyNumberFormat="1" applyFont="1" applyFill="1" applyBorder="1" applyAlignment="1">
      <alignment horizontal="right" vertical="top" indent="1"/>
    </xf>
    <xf numFmtId="181" fontId="9" fillId="0" borderId="23" xfId="4" applyNumberFormat="1" applyFont="1" applyFill="1" applyBorder="1" applyAlignment="1" applyProtection="1">
      <alignment horizontal="right" vertical="center" indent="1"/>
    </xf>
    <xf numFmtId="49" fontId="9" fillId="0" borderId="0" xfId="6" applyNumberFormat="1" applyFont="1" applyFill="1" applyBorder="1" applyAlignment="1">
      <alignment horizontal="left" vertical="top" wrapText="1" indent="1"/>
    </xf>
    <xf numFmtId="49" fontId="9" fillId="0" borderId="0" xfId="6" applyNumberFormat="1" applyFont="1" applyFill="1" applyBorder="1" applyAlignment="1">
      <alignment horizontal="left" vertical="top" wrapText="1" indent="2"/>
    </xf>
    <xf numFmtId="37" fontId="9" fillId="0" borderId="18" xfId="6" applyNumberFormat="1" applyFont="1" applyFill="1" applyBorder="1" applyAlignment="1">
      <alignment horizontal="right" vertical="top" indent="1"/>
    </xf>
    <xf numFmtId="0" fontId="9" fillId="0" borderId="6" xfId="2" applyFont="1" applyFill="1" applyBorder="1"/>
    <xf numFmtId="177" fontId="9" fillId="0" borderId="0" xfId="5" applyNumberFormat="1" applyFont="1" applyFill="1" applyBorder="1" applyAlignment="1" applyProtection="1">
      <alignment horizontal="right" vertical="center" indent="1"/>
    </xf>
    <xf numFmtId="49" fontId="17" fillId="0" borderId="27" xfId="6" applyNumberFormat="1" applyFont="1" applyFill="1" applyBorder="1" applyAlignment="1">
      <alignment horizontal="right" vertical="top" indent="1"/>
    </xf>
    <xf numFmtId="37" fontId="9" fillId="0" borderId="28" xfId="6" applyNumberFormat="1" applyFont="1" applyFill="1" applyBorder="1" applyAlignment="1">
      <alignment horizontal="right" vertical="top" indent="1"/>
    </xf>
    <xf numFmtId="37" fontId="9" fillId="0" borderId="29" xfId="6" applyNumberFormat="1" applyFont="1" applyFill="1" applyBorder="1" applyAlignment="1">
      <alignment horizontal="right" vertical="top" indent="1"/>
    </xf>
    <xf numFmtId="49" fontId="17" fillId="0" borderId="27" xfId="2" applyNumberFormat="1" applyFont="1" applyFill="1" applyBorder="1" applyAlignment="1" applyProtection="1">
      <alignment horizontal="right" vertical="center" indent="1"/>
    </xf>
    <xf numFmtId="181" fontId="9" fillId="0" borderId="26" xfId="2" applyNumberFormat="1" applyFont="1" applyFill="1" applyBorder="1" applyAlignment="1" applyProtection="1">
      <alignment horizontal="right" vertical="center" indent="1"/>
    </xf>
    <xf numFmtId="181" fontId="9" fillId="0" borderId="30" xfId="2" applyNumberFormat="1" applyFont="1" applyFill="1" applyBorder="1" applyAlignment="1" applyProtection="1">
      <alignment horizontal="right" vertical="center" indent="1"/>
    </xf>
    <xf numFmtId="181" fontId="9" fillId="0" borderId="31" xfId="2" applyNumberFormat="1" applyFont="1" applyFill="1" applyBorder="1" applyAlignment="1" applyProtection="1">
      <alignment horizontal="right" vertical="center" indent="1"/>
    </xf>
    <xf numFmtId="49" fontId="17" fillId="0" borderId="32" xfId="6" applyNumberFormat="1" applyFont="1" applyFill="1" applyBorder="1" applyAlignment="1">
      <alignment horizontal="right" vertical="top" indent="1"/>
    </xf>
    <xf numFmtId="49" fontId="17" fillId="0" borderId="32" xfId="2" applyNumberFormat="1" applyFont="1" applyFill="1" applyBorder="1" applyAlignment="1">
      <alignment horizontal="right" vertical="center" indent="1"/>
    </xf>
    <xf numFmtId="181" fontId="9" fillId="0" borderId="30" xfId="3" applyNumberFormat="1" applyFont="1" applyFill="1" applyBorder="1" applyAlignment="1" applyProtection="1">
      <alignment horizontal="right" vertical="center" indent="1"/>
    </xf>
    <xf numFmtId="181" fontId="9" fillId="0" borderId="32" xfId="3" applyNumberFormat="1" applyFont="1" applyFill="1" applyBorder="1" applyAlignment="1" applyProtection="1">
      <alignment horizontal="right" vertical="center" indent="1"/>
    </xf>
    <xf numFmtId="49" fontId="9" fillId="0" borderId="33" xfId="6" applyNumberFormat="1" applyFont="1" applyFill="1" applyBorder="1" applyAlignment="1">
      <alignment horizontal="left" vertical="top" wrapText="1" indent="1"/>
    </xf>
    <xf numFmtId="181" fontId="9" fillId="0" borderId="36" xfId="5" applyNumberFormat="1" applyFont="1" applyFill="1" applyBorder="1" applyAlignment="1" applyProtection="1">
      <alignment horizontal="right" vertical="center" indent="1"/>
    </xf>
    <xf numFmtId="181" fontId="9" fillId="0" borderId="36" xfId="5" applyNumberFormat="1" applyFont="1" applyFill="1" applyBorder="1" applyAlignment="1">
      <alignment horizontal="right" vertical="center" indent="1"/>
    </xf>
    <xf numFmtId="181" fontId="9" fillId="0" borderId="12" xfId="4" applyNumberFormat="1" applyFont="1" applyFill="1" applyBorder="1" applyAlignment="1" applyProtection="1">
      <alignment horizontal="right" vertical="center" indent="1"/>
    </xf>
    <xf numFmtId="181" fontId="9" fillId="0" borderId="36" xfId="4" applyNumberFormat="1" applyFont="1" applyFill="1" applyBorder="1" applyAlignment="1" applyProtection="1">
      <alignment horizontal="right" vertical="center" indent="1"/>
    </xf>
    <xf numFmtId="0" fontId="10" fillId="0" borderId="37" xfId="6" applyFont="1" applyFill="1" applyBorder="1" applyAlignment="1">
      <alignment horizontal="left" vertical="top" wrapText="1" indent="1"/>
    </xf>
    <xf numFmtId="49" fontId="9" fillId="0" borderId="38" xfId="6" applyNumberFormat="1" applyFont="1" applyFill="1" applyBorder="1" applyAlignment="1">
      <alignment horizontal="left" vertical="top" wrapText="1" indent="1"/>
    </xf>
    <xf numFmtId="181" fontId="9" fillId="0" borderId="26" xfId="5" applyNumberFormat="1" applyFont="1" applyFill="1" applyBorder="1" applyAlignment="1" applyProtection="1">
      <alignment horizontal="right" vertical="center" indent="1"/>
    </xf>
    <xf numFmtId="49" fontId="17" fillId="0" borderId="39" xfId="6" applyNumberFormat="1" applyFont="1" applyFill="1" applyBorder="1" applyAlignment="1">
      <alignment horizontal="right" vertical="top" indent="1"/>
    </xf>
    <xf numFmtId="49" fontId="9" fillId="0" borderId="40" xfId="6" applyNumberFormat="1" applyFont="1" applyFill="1" applyBorder="1" applyAlignment="1">
      <alignment horizontal="left" vertical="top" wrapText="1" indent="1"/>
    </xf>
    <xf numFmtId="181" fontId="9" fillId="0" borderId="41" xfId="4" applyNumberFormat="1" applyFont="1" applyFill="1" applyBorder="1" applyAlignment="1" applyProtection="1">
      <alignment horizontal="right" vertical="center" indent="1"/>
    </xf>
    <xf numFmtId="181" fontId="9" fillId="0" borderId="35" xfId="4" applyNumberFormat="1" applyFont="1" applyFill="1" applyBorder="1" applyAlignment="1" applyProtection="1">
      <alignment horizontal="right" vertical="center" indent="1"/>
    </xf>
    <xf numFmtId="181" fontId="9" fillId="0" borderId="35" xfId="5" applyNumberFormat="1" applyFont="1" applyFill="1" applyBorder="1" applyAlignment="1" applyProtection="1">
      <alignment horizontal="right" vertical="center" indent="1"/>
    </xf>
    <xf numFmtId="181" fontId="9" fillId="0" borderId="35" xfId="2" applyNumberFormat="1" applyFont="1" applyFill="1" applyBorder="1" applyAlignment="1" applyProtection="1">
      <alignment horizontal="right" vertical="center" indent="1"/>
    </xf>
    <xf numFmtId="39" fontId="9" fillId="0" borderId="23" xfId="6" applyNumberFormat="1" applyFont="1" applyFill="1" applyBorder="1" applyAlignment="1">
      <alignment horizontal="right" vertical="top" indent="1"/>
    </xf>
    <xf numFmtId="0" fontId="9" fillId="0" borderId="36" xfId="2" applyFont="1" applyFill="1" applyBorder="1" applyAlignment="1" applyProtection="1">
      <alignment vertical="center"/>
    </xf>
    <xf numFmtId="181" fontId="9" fillId="0" borderId="36" xfId="2" applyNumberFormat="1" applyFont="1" applyFill="1" applyBorder="1" applyAlignment="1" applyProtection="1">
      <alignment horizontal="right" vertical="center" indent="1"/>
    </xf>
    <xf numFmtId="181" fontId="9" fillId="0" borderId="12" xfId="5" applyNumberFormat="1" applyFont="1" applyFill="1" applyBorder="1" applyAlignment="1" applyProtection="1">
      <alignment horizontal="right" vertical="center" indent="1"/>
    </xf>
    <xf numFmtId="49" fontId="9" fillId="0" borderId="21" xfId="6" applyNumberFormat="1" applyFont="1" applyFill="1" applyBorder="1" applyAlignment="1">
      <alignment horizontal="left" vertical="top" wrapText="1" indent="1"/>
    </xf>
    <xf numFmtId="0" fontId="9" fillId="0" borderId="6" xfId="6" applyFont="1" applyFill="1" applyBorder="1" applyAlignment="1">
      <alignment horizontal="left" vertical="top" wrapText="1" indent="1"/>
    </xf>
    <xf numFmtId="0" fontId="9" fillId="0" borderId="24" xfId="6" applyFont="1" applyFill="1" applyBorder="1" applyAlignment="1">
      <alignment horizontal="left" vertical="top" wrapText="1" indent="1"/>
    </xf>
    <xf numFmtId="49" fontId="9" fillId="0" borderId="6" xfId="2" applyNumberFormat="1" applyFont="1" applyFill="1" applyBorder="1" applyAlignment="1" applyProtection="1">
      <alignment vertical="center" wrapText="1"/>
    </xf>
    <xf numFmtId="49" fontId="9" fillId="0" borderId="9" xfId="2" applyNumberFormat="1" applyFont="1" applyFill="1" applyBorder="1" applyAlignment="1" applyProtection="1">
      <alignment vertical="center" wrapText="1"/>
    </xf>
    <xf numFmtId="49" fontId="9" fillId="0" borderId="6" xfId="6" applyNumberFormat="1" applyFont="1" applyFill="1" applyBorder="1" applyAlignment="1" applyProtection="1">
      <alignment vertical="center" wrapText="1"/>
    </xf>
    <xf numFmtId="49" fontId="9" fillId="0" borderId="6" xfId="2" applyNumberFormat="1" applyFont="1" applyFill="1" applyBorder="1" applyAlignment="1" applyProtection="1">
      <alignment horizontal="left" vertical="center" wrapText="1"/>
    </xf>
    <xf numFmtId="49" fontId="9" fillId="0" borderId="9" xfId="2" applyNumberFormat="1" applyFont="1" applyFill="1" applyBorder="1" applyAlignment="1" applyProtection="1">
      <alignment horizontal="left" vertical="center" wrapText="1"/>
    </xf>
    <xf numFmtId="176" fontId="9" fillId="0" borderId="0" xfId="6" applyNumberFormat="1" applyFont="1" applyFill="1"/>
    <xf numFmtId="49" fontId="17" fillId="0" borderId="26" xfId="6" applyNumberFormat="1" applyFont="1" applyFill="1" applyBorder="1" applyAlignment="1">
      <alignment horizontal="right" vertical="top" indent="1"/>
    </xf>
    <xf numFmtId="0" fontId="12" fillId="0" borderId="0" xfId="4" applyFont="1" applyFill="1" applyAlignment="1">
      <alignment horizontal="left" vertical="center"/>
    </xf>
    <xf numFmtId="181" fontId="9" fillId="0" borderId="36" xfId="6" applyNumberFormat="1" applyFont="1" applyFill="1" applyBorder="1" applyAlignment="1">
      <alignment horizontal="right" vertical="top" indent="1"/>
    </xf>
    <xf numFmtId="183" fontId="9" fillId="0" borderId="36" xfId="6" applyNumberFormat="1" applyFont="1" applyFill="1" applyBorder="1" applyAlignment="1">
      <alignment horizontal="right" vertical="top" indent="1"/>
    </xf>
    <xf numFmtId="183" fontId="9" fillId="0" borderId="12" xfId="6" applyNumberFormat="1" applyFont="1" applyFill="1" applyBorder="1" applyAlignment="1">
      <alignment horizontal="right" vertical="top" indent="1"/>
    </xf>
    <xf numFmtId="185" fontId="9" fillId="0" borderId="23" xfId="6" applyNumberFormat="1" applyFont="1" applyFill="1" applyBorder="1" applyAlignment="1">
      <alignment horizontal="right" vertical="top" indent="1"/>
    </xf>
    <xf numFmtId="185" fontId="11" fillId="0" borderId="0" xfId="6" applyNumberFormat="1" applyFont="1" applyFill="1" applyBorder="1" applyAlignment="1">
      <alignment horizontal="left" vertical="top"/>
    </xf>
    <xf numFmtId="39" fontId="9" fillId="0" borderId="36" xfId="6" applyNumberFormat="1" applyFont="1" applyFill="1" applyBorder="1" applyAlignment="1">
      <alignment horizontal="right" vertical="top" indent="1"/>
    </xf>
    <xf numFmtId="39" fontId="9" fillId="0" borderId="12" xfId="6" applyNumberFormat="1" applyFont="1" applyFill="1" applyBorder="1" applyAlignment="1">
      <alignment horizontal="right" vertical="top" indent="1"/>
    </xf>
    <xf numFmtId="181" fontId="9" fillId="0" borderId="36" xfId="6" applyNumberFormat="1" applyFont="1" applyFill="1" applyBorder="1" applyAlignment="1" applyProtection="1">
      <alignment horizontal="right" vertical="center" indent="1"/>
    </xf>
    <xf numFmtId="181" fontId="9" fillId="0" borderId="11" xfId="4" applyNumberFormat="1" applyFont="1" applyFill="1" applyBorder="1" applyAlignment="1" applyProtection="1">
      <alignment horizontal="right" vertical="center" indent="1"/>
    </xf>
    <xf numFmtId="177" fontId="9" fillId="0" borderId="35" xfId="5" applyNumberFormat="1" applyFont="1" applyFill="1" applyBorder="1" applyAlignment="1" applyProtection="1">
      <alignment horizontal="right" vertical="center" indent="1"/>
    </xf>
    <xf numFmtId="181" fontId="9" fillId="0" borderId="11" xfId="4" applyNumberFormat="1" applyFont="1" applyFill="1" applyBorder="1" applyAlignment="1">
      <alignment horizontal="right" vertical="center" indent="1"/>
    </xf>
    <xf numFmtId="181" fontId="9" fillId="0" borderId="13" xfId="5" applyNumberFormat="1" applyFont="1" applyFill="1" applyBorder="1" applyAlignment="1" applyProtection="1">
      <alignment horizontal="right" vertical="center" indent="1"/>
    </xf>
    <xf numFmtId="181" fontId="9" fillId="0" borderId="28" xfId="3" applyNumberFormat="1" applyFont="1" applyFill="1" applyBorder="1" applyAlignment="1" applyProtection="1">
      <alignment horizontal="right" vertical="center" indent="1"/>
    </xf>
    <xf numFmtId="181" fontId="9" fillId="0" borderId="12" xfId="3" applyNumberFormat="1" applyFont="1" applyFill="1" applyBorder="1" applyAlignment="1" applyProtection="1">
      <alignment horizontal="right" vertical="center" indent="1"/>
    </xf>
    <xf numFmtId="180" fontId="9" fillId="0" borderId="0" xfId="4" applyNumberFormat="1" applyFont="1" applyFill="1" applyBorder="1" applyAlignment="1" applyProtection="1">
      <alignment horizontal="right" vertical="center"/>
    </xf>
    <xf numFmtId="177" fontId="9" fillId="0" borderId="0" xfId="6" applyNumberFormat="1" applyFont="1" applyFill="1" applyBorder="1" applyAlignment="1">
      <alignment horizontal="right" vertical="top" indent="1"/>
    </xf>
    <xf numFmtId="177" fontId="9" fillId="0" borderId="36" xfId="6" applyNumberFormat="1" applyFont="1" applyFill="1" applyBorder="1" applyAlignment="1">
      <alignment horizontal="right" vertical="top" indent="1"/>
    </xf>
    <xf numFmtId="177" fontId="9" fillId="0" borderId="34" xfId="6" applyNumberFormat="1" applyFont="1" applyFill="1" applyBorder="1" applyAlignment="1">
      <alignment horizontal="right" vertical="top" indent="1"/>
    </xf>
    <xf numFmtId="177" fontId="9" fillId="0" borderId="0" xfId="7" applyNumberFormat="1" applyFont="1" applyFill="1" applyBorder="1" applyAlignment="1">
      <alignment horizontal="right" vertical="top" indent="1"/>
    </xf>
    <xf numFmtId="177" fontId="9" fillId="0" borderId="15" xfId="6" applyNumberFormat="1" applyFont="1" applyFill="1" applyBorder="1" applyAlignment="1">
      <alignment horizontal="right" vertical="top" indent="1"/>
    </xf>
    <xf numFmtId="177" fontId="9" fillId="0" borderId="15" xfId="7" applyNumberFormat="1" applyFont="1" applyFill="1" applyBorder="1" applyAlignment="1">
      <alignment horizontal="right" vertical="top" indent="1"/>
    </xf>
    <xf numFmtId="177" fontId="9" fillId="0" borderId="22" xfId="6" applyNumberFormat="1" applyFont="1" applyFill="1" applyBorder="1" applyAlignment="1">
      <alignment horizontal="right" vertical="top" indent="1"/>
    </xf>
    <xf numFmtId="177" fontId="9" fillId="0" borderId="25" xfId="6" applyNumberFormat="1" applyFont="1" applyFill="1" applyBorder="1" applyAlignment="1">
      <alignment horizontal="right" vertical="top" indent="1"/>
    </xf>
    <xf numFmtId="49" fontId="9" fillId="0" borderId="0" xfId="2" applyNumberFormat="1" applyFont="1" applyFill="1" applyBorder="1" applyAlignment="1" applyProtection="1">
      <alignment horizontal="left" vertical="center" wrapText="1"/>
    </xf>
    <xf numFmtId="49" fontId="17" fillId="0" borderId="42" xfId="6" applyNumberFormat="1" applyFont="1" applyFill="1" applyBorder="1" applyAlignment="1">
      <alignment horizontal="right" vertical="top" indent="1"/>
    </xf>
    <xf numFmtId="181" fontId="21" fillId="0" borderId="0" xfId="2" applyNumberFormat="1" applyFont="1" applyFill="1" applyBorder="1" applyAlignment="1" applyProtection="1">
      <alignment horizontal="right" vertical="center" indent="1"/>
    </xf>
    <xf numFmtId="177" fontId="21" fillId="0" borderId="0" xfId="6" applyNumberFormat="1" applyFont="1" applyFill="1" applyBorder="1" applyAlignment="1">
      <alignment horizontal="right" vertical="top" indent="1"/>
    </xf>
    <xf numFmtId="0" fontId="14" fillId="0" borderId="0" xfId="6" applyFont="1" applyFill="1" applyBorder="1" applyAlignment="1">
      <alignment horizontal="left" vertical="top"/>
    </xf>
    <xf numFmtId="37" fontId="9" fillId="0" borderId="36" xfId="6" applyNumberFormat="1" applyFont="1" applyFill="1" applyBorder="1" applyAlignment="1">
      <alignment horizontal="right" vertical="top" indent="1"/>
    </xf>
    <xf numFmtId="0" fontId="14" fillId="0" borderId="0" xfId="6" applyFont="1" applyFill="1" applyBorder="1" applyAlignment="1">
      <alignment horizontal="left" vertical="top"/>
    </xf>
    <xf numFmtId="0" fontId="14" fillId="0" borderId="0" xfId="6" applyFont="1" applyFill="1" applyBorder="1" applyAlignment="1">
      <alignment horizontal="left" vertical="top"/>
    </xf>
    <xf numFmtId="0" fontId="12" fillId="0" borderId="0" xfId="4" applyFont="1" applyFill="1" applyAlignment="1">
      <alignment horizontal="left" vertical="center"/>
    </xf>
    <xf numFmtId="177" fontId="9" fillId="0" borderId="43" xfId="6" applyNumberFormat="1" applyFont="1" applyFill="1" applyBorder="1" applyAlignment="1">
      <alignment horizontal="right" vertical="top" indent="1"/>
    </xf>
    <xf numFmtId="37" fontId="21" fillId="0" borderId="0" xfId="6" applyNumberFormat="1" applyFont="1" applyFill="1" applyBorder="1" applyAlignment="1">
      <alignment horizontal="right" vertical="top" indent="1"/>
    </xf>
    <xf numFmtId="0" fontId="12" fillId="0" borderId="0" xfId="4" applyFont="1" applyFill="1" applyBorder="1" applyAlignment="1">
      <alignment horizontal="left" vertical="center"/>
    </xf>
    <xf numFmtId="0" fontId="9" fillId="0" borderId="0" xfId="6" applyFont="1" applyFill="1" applyBorder="1" applyAlignment="1">
      <alignment horizontal="right"/>
    </xf>
    <xf numFmtId="185" fontId="9" fillId="0" borderId="36" xfId="6" applyNumberFormat="1" applyFont="1" applyFill="1" applyBorder="1" applyAlignment="1">
      <alignment horizontal="right" vertical="top" indent="1"/>
    </xf>
    <xf numFmtId="37" fontId="21" fillId="0" borderId="36" xfId="6" applyNumberFormat="1" applyFont="1" applyFill="1" applyBorder="1" applyAlignment="1">
      <alignment horizontal="right" vertical="top" indent="1"/>
    </xf>
    <xf numFmtId="184" fontId="9" fillId="0" borderId="36" xfId="6" applyNumberFormat="1" applyFont="1" applyFill="1" applyBorder="1" applyAlignment="1">
      <alignment horizontal="right" vertical="top" indent="1"/>
    </xf>
    <xf numFmtId="182" fontId="9" fillId="0" borderId="36" xfId="6" applyNumberFormat="1" applyFont="1" applyFill="1" applyBorder="1" applyAlignment="1">
      <alignment horizontal="right" vertical="top" indent="1"/>
    </xf>
    <xf numFmtId="0" fontId="9" fillId="0" borderId="0" xfId="6" applyFont="1" applyFill="1" applyBorder="1" applyAlignment="1">
      <alignment horizontal="right" vertical="top"/>
    </xf>
    <xf numFmtId="49" fontId="17" fillId="0" borderId="44" xfId="6" applyNumberFormat="1" applyFont="1" applyFill="1" applyBorder="1" applyAlignment="1">
      <alignment horizontal="right" vertical="top" indent="1"/>
    </xf>
    <xf numFmtId="181" fontId="9" fillId="0" borderId="45" xfId="5" applyNumberFormat="1" applyFont="1" applyFill="1" applyBorder="1" applyAlignment="1" applyProtection="1">
      <alignment horizontal="right" vertical="center" indent="1"/>
    </xf>
    <xf numFmtId="181" fontId="9" fillId="0" borderId="45" xfId="4" applyNumberFormat="1" applyFont="1" applyFill="1" applyBorder="1" applyAlignment="1" applyProtection="1">
      <alignment horizontal="right" vertical="center" indent="1"/>
    </xf>
    <xf numFmtId="181" fontId="9" fillId="0" borderId="43" xfId="4" applyNumberFormat="1" applyFont="1" applyFill="1" applyBorder="1" applyAlignment="1">
      <alignment horizontal="right" vertical="center" indent="1"/>
    </xf>
    <xf numFmtId="181" fontId="9" fillId="0" borderId="10" xfId="5" applyNumberFormat="1" applyFont="1" applyFill="1" applyBorder="1" applyAlignment="1" applyProtection="1">
      <alignment horizontal="right" vertical="center" indent="1"/>
    </xf>
    <xf numFmtId="181" fontId="9" fillId="0" borderId="23" xfId="5" applyNumberFormat="1" applyFont="1" applyFill="1" applyBorder="1" applyAlignment="1" applyProtection="1">
      <alignment horizontal="right" vertical="center" indent="1"/>
    </xf>
    <xf numFmtId="49" fontId="17" fillId="0" borderId="46" xfId="6" applyNumberFormat="1" applyFont="1" applyFill="1" applyBorder="1" applyAlignment="1">
      <alignment horizontal="right" vertical="top" indent="1"/>
    </xf>
    <xf numFmtId="181" fontId="9" fillId="0" borderId="47" xfId="4" applyNumberFormat="1" applyFont="1" applyFill="1" applyBorder="1" applyAlignment="1" applyProtection="1">
      <alignment horizontal="right" vertical="center" indent="1"/>
    </xf>
    <xf numFmtId="181" fontId="9" fillId="0" borderId="48" xfId="4" applyNumberFormat="1" applyFont="1" applyFill="1" applyBorder="1" applyAlignment="1">
      <alignment horizontal="right" vertical="center" indent="1"/>
    </xf>
    <xf numFmtId="49" fontId="17" fillId="0" borderId="49" xfId="6" applyNumberFormat="1" applyFont="1" applyFill="1" applyBorder="1" applyAlignment="1">
      <alignment horizontal="right" vertical="top" indent="1"/>
    </xf>
    <xf numFmtId="181" fontId="9" fillId="0" borderId="50" xfId="5" applyNumberFormat="1" applyFont="1" applyFill="1" applyBorder="1" applyAlignment="1" applyProtection="1">
      <alignment horizontal="right" vertical="center" indent="1"/>
    </xf>
    <xf numFmtId="181" fontId="9" fillId="0" borderId="45" xfId="3" applyNumberFormat="1" applyFont="1" applyFill="1" applyBorder="1" applyAlignment="1" applyProtection="1">
      <alignment horizontal="right" vertical="center" indent="1"/>
    </xf>
    <xf numFmtId="181" fontId="9" fillId="0" borderId="51" xfId="3" applyNumberFormat="1" applyFont="1" applyFill="1" applyBorder="1" applyAlignment="1" applyProtection="1">
      <alignment horizontal="right" vertical="center" indent="1"/>
    </xf>
    <xf numFmtId="49" fontId="17" fillId="0" borderId="17" xfId="6" applyNumberFormat="1" applyFont="1" applyFill="1" applyBorder="1" applyAlignment="1">
      <alignment horizontal="right" vertical="center" indent="1"/>
    </xf>
    <xf numFmtId="0" fontId="9" fillId="0" borderId="0" xfId="2" applyFont="1" applyFill="1" applyBorder="1" applyAlignment="1">
      <alignment horizontal="right"/>
    </xf>
    <xf numFmtId="49" fontId="17" fillId="0" borderId="52" xfId="6" applyNumberFormat="1" applyFont="1" applyFill="1" applyBorder="1" applyAlignment="1">
      <alignment horizontal="right" vertical="center" indent="1"/>
    </xf>
    <xf numFmtId="181" fontId="9" fillId="0" borderId="50" xfId="3" applyNumberFormat="1" applyFont="1" applyFill="1" applyBorder="1" applyAlignment="1" applyProtection="1">
      <alignment horizontal="right" vertical="center" indent="1"/>
    </xf>
    <xf numFmtId="181" fontId="9" fillId="0" borderId="53" xfId="3" applyNumberFormat="1" applyFont="1" applyFill="1" applyBorder="1" applyAlignment="1" applyProtection="1">
      <alignment horizontal="right" vertical="center" indent="1"/>
    </xf>
    <xf numFmtId="181" fontId="9" fillId="0" borderId="36" xfId="3" applyNumberFormat="1" applyFont="1" applyFill="1" applyBorder="1" applyAlignment="1" applyProtection="1">
      <alignment horizontal="right" vertical="center" indent="1"/>
    </xf>
    <xf numFmtId="0" fontId="9" fillId="0" borderId="0" xfId="2" applyFont="1" applyFill="1" applyBorder="1" applyAlignment="1">
      <alignment horizontal="right" vertical="top"/>
    </xf>
    <xf numFmtId="181" fontId="9" fillId="0" borderId="44" xfId="3" applyNumberFormat="1" applyFont="1" applyFill="1" applyBorder="1" applyAlignment="1" applyProtection="1">
      <alignment horizontal="right" vertical="center" indent="1"/>
    </xf>
    <xf numFmtId="181" fontId="9" fillId="0" borderId="49" xfId="3" applyNumberFormat="1" applyFont="1" applyFill="1" applyBorder="1" applyAlignment="1" applyProtection="1">
      <alignment horizontal="right" vertical="center" indent="1"/>
    </xf>
    <xf numFmtId="186" fontId="9" fillId="0" borderId="0" xfId="6" applyNumberFormat="1" applyFont="1" applyFill="1"/>
    <xf numFmtId="181" fontId="9" fillId="0" borderId="54" xfId="4" applyNumberFormat="1" applyFont="1" applyFill="1" applyBorder="1" applyAlignment="1" applyProtection="1">
      <alignment horizontal="right" vertical="center" indent="1"/>
    </xf>
    <xf numFmtId="49" fontId="17" fillId="0" borderId="54" xfId="6" applyNumberFormat="1" applyFont="1" applyFill="1" applyBorder="1" applyAlignment="1">
      <alignment horizontal="right" vertical="top" indent="1"/>
    </xf>
    <xf numFmtId="0" fontId="17" fillId="0" borderId="9" xfId="6" applyFont="1" applyFill="1" applyBorder="1" applyAlignment="1">
      <alignment horizontal="left" vertical="top" wrapText="1" indent="1"/>
    </xf>
    <xf numFmtId="177" fontId="9" fillId="0" borderId="23" xfId="6" applyNumberFormat="1" applyFont="1" applyFill="1" applyBorder="1" applyAlignment="1">
      <alignment horizontal="right" vertical="top" indent="1"/>
    </xf>
    <xf numFmtId="177" fontId="9" fillId="0" borderId="47" xfId="6" applyNumberFormat="1" applyFont="1" applyFill="1" applyBorder="1" applyAlignment="1">
      <alignment horizontal="right" vertical="top" indent="1"/>
    </xf>
    <xf numFmtId="177" fontId="9" fillId="0" borderId="35" xfId="6" applyNumberFormat="1" applyFont="1" applyFill="1" applyBorder="1" applyAlignment="1">
      <alignment horizontal="right" vertical="top" indent="1"/>
    </xf>
    <xf numFmtId="177" fontId="9" fillId="0" borderId="19" xfId="6" applyNumberFormat="1" applyFont="1" applyFill="1" applyBorder="1" applyAlignment="1">
      <alignment horizontal="right" vertical="top" indent="1"/>
    </xf>
    <xf numFmtId="0" fontId="9" fillId="0" borderId="9" xfId="6" applyFont="1" applyFill="1" applyBorder="1" applyAlignment="1">
      <alignment horizontal="left" vertical="top" wrapText="1" indent="1"/>
    </xf>
    <xf numFmtId="177" fontId="9" fillId="0" borderId="23" xfId="7" applyNumberFormat="1" applyFont="1" applyFill="1" applyBorder="1" applyAlignment="1">
      <alignment horizontal="right" vertical="top" indent="1"/>
    </xf>
    <xf numFmtId="177" fontId="9" fillId="0" borderId="12" xfId="6" applyNumberFormat="1" applyFont="1" applyFill="1" applyBorder="1" applyAlignment="1">
      <alignment horizontal="right" vertical="top" indent="1"/>
    </xf>
    <xf numFmtId="49" fontId="9" fillId="0" borderId="55" xfId="2" applyNumberFormat="1" applyFont="1" applyFill="1" applyBorder="1" applyAlignment="1" applyProtection="1">
      <alignment horizontal="left" vertical="center" indent="1"/>
    </xf>
    <xf numFmtId="0" fontId="9" fillId="0" borderId="51" xfId="2" applyFont="1" applyFill="1" applyBorder="1" applyProtection="1"/>
    <xf numFmtId="0" fontId="9" fillId="0" borderId="51" xfId="2" applyFont="1" applyFill="1" applyBorder="1" applyAlignment="1" applyProtection="1">
      <alignment vertical="center"/>
    </xf>
    <xf numFmtId="0" fontId="9" fillId="0" borderId="53" xfId="2" applyFont="1" applyFill="1" applyBorder="1" applyAlignment="1" applyProtection="1">
      <alignment vertical="center"/>
    </xf>
    <xf numFmtId="181" fontId="9" fillId="0" borderId="54" xfId="2" applyNumberFormat="1" applyFont="1" applyFill="1" applyBorder="1" applyAlignment="1" applyProtection="1">
      <alignment horizontal="right" vertical="center" indent="1"/>
    </xf>
    <xf numFmtId="37" fontId="9" fillId="0" borderId="54" xfId="6" applyNumberFormat="1" applyFont="1" applyFill="1" applyBorder="1" applyAlignment="1" applyProtection="1">
      <alignment horizontal="right" vertical="center" indent="1"/>
    </xf>
    <xf numFmtId="37" fontId="9" fillId="0" borderId="54" xfId="2" applyNumberFormat="1" applyFont="1" applyFill="1" applyBorder="1" applyAlignment="1" applyProtection="1">
      <alignment horizontal="right" vertical="center" indent="1"/>
    </xf>
    <xf numFmtId="181" fontId="9" fillId="0" borderId="53" xfId="2" applyNumberFormat="1" applyFont="1" applyFill="1" applyBorder="1" applyAlignment="1" applyProtection="1">
      <alignment horizontal="right" vertical="center" indent="1"/>
    </xf>
    <xf numFmtId="0" fontId="9" fillId="0" borderId="54" xfId="2" applyFont="1" applyFill="1" applyBorder="1" applyAlignment="1" applyProtection="1">
      <alignment vertical="center"/>
    </xf>
    <xf numFmtId="181" fontId="9" fillId="0" borderId="51" xfId="2" applyNumberFormat="1" applyFont="1" applyFill="1" applyBorder="1" applyAlignment="1" applyProtection="1">
      <alignment horizontal="right" vertical="center" indent="1"/>
    </xf>
    <xf numFmtId="49" fontId="9" fillId="0" borderId="51" xfId="2" applyNumberFormat="1" applyFont="1" applyFill="1" applyBorder="1" applyAlignment="1" applyProtection="1">
      <alignment vertical="center" wrapText="1"/>
    </xf>
    <xf numFmtId="0" fontId="9" fillId="0" borderId="51" xfId="2" applyFont="1" applyFill="1" applyBorder="1" applyAlignment="1" applyProtection="1">
      <alignment horizontal="center" vertical="top"/>
    </xf>
    <xf numFmtId="181" fontId="9" fillId="0" borderId="56" xfId="2" applyNumberFormat="1" applyFont="1" applyFill="1" applyBorder="1" applyAlignment="1" applyProtection="1">
      <alignment horizontal="right" vertical="center" indent="1"/>
    </xf>
    <xf numFmtId="181" fontId="9" fillId="0" borderId="57" xfId="2" applyNumberFormat="1" applyFont="1" applyFill="1" applyBorder="1" applyAlignment="1" applyProtection="1">
      <alignment horizontal="right" vertical="center" indent="1"/>
    </xf>
    <xf numFmtId="181" fontId="9" fillId="0" borderId="44" xfId="4" applyNumberFormat="1" applyFont="1" applyFill="1" applyBorder="1" applyAlignment="1" applyProtection="1">
      <alignment horizontal="right" vertical="center" indent="1"/>
    </xf>
    <xf numFmtId="181" fontId="9" fillId="0" borderId="46" xfId="4" applyNumberFormat="1" applyFont="1" applyFill="1" applyBorder="1" applyAlignment="1" applyProtection="1">
      <alignment horizontal="right" vertical="center" indent="1"/>
    </xf>
    <xf numFmtId="6" fontId="9" fillId="0" borderId="54" xfId="8" applyFont="1" applyFill="1" applyBorder="1" applyAlignment="1">
      <alignment horizontal="right" vertical="top" indent="1"/>
    </xf>
    <xf numFmtId="6" fontId="9" fillId="0" borderId="58" xfId="8" applyFont="1" applyFill="1" applyBorder="1" applyAlignment="1">
      <alignment horizontal="right" vertical="top" indent="1"/>
    </xf>
    <xf numFmtId="6" fontId="9" fillId="0" borderId="59" xfId="8" applyFont="1" applyFill="1" applyBorder="1" applyAlignment="1">
      <alignment horizontal="right" vertical="top" indent="1"/>
    </xf>
    <xf numFmtId="181" fontId="9" fillId="2" borderId="35" xfId="4" applyNumberFormat="1" applyFont="1" applyFill="1" applyBorder="1" applyAlignment="1" applyProtection="1">
      <alignment horizontal="right" vertical="center" indent="1"/>
    </xf>
    <xf numFmtId="181" fontId="9" fillId="2" borderId="36" xfId="5" applyNumberFormat="1" applyFont="1" applyFill="1" applyBorder="1" applyAlignment="1" applyProtection="1">
      <alignment horizontal="right" vertical="center" indent="1"/>
    </xf>
    <xf numFmtId="0" fontId="3" fillId="0" borderId="0" xfId="0" applyFont="1" applyBorder="1" applyAlignment="1">
      <alignment vertical="center"/>
    </xf>
    <xf numFmtId="0" fontId="3" fillId="0" borderId="0" xfId="0" applyFont="1" applyBorder="1" applyAlignment="1">
      <alignment horizontal="right" vertical="center"/>
    </xf>
    <xf numFmtId="0" fontId="14" fillId="0" borderId="0" xfId="6" applyFont="1" applyFill="1" applyBorder="1" applyAlignment="1">
      <alignment horizontal="left" vertical="top"/>
    </xf>
    <xf numFmtId="37" fontId="9" fillId="0" borderId="60" xfId="6" applyNumberFormat="1" applyFont="1" applyFill="1" applyBorder="1" applyAlignment="1">
      <alignment horizontal="right" vertical="top" indent="1"/>
    </xf>
    <xf numFmtId="0" fontId="14" fillId="0" borderId="0" xfId="6" applyFont="1" applyFill="1" applyBorder="1" applyAlignment="1">
      <alignment horizontal="left" vertical="top"/>
    </xf>
    <xf numFmtId="0" fontId="12" fillId="0" borderId="0" xfId="4" applyFont="1" applyFill="1" applyAlignment="1">
      <alignment horizontal="left" vertical="center"/>
    </xf>
    <xf numFmtId="39" fontId="9" fillId="0" borderId="54" xfId="6" applyNumberFormat="1" applyFont="1" applyFill="1" applyBorder="1" applyAlignment="1">
      <alignment horizontal="right" vertical="top" indent="1"/>
    </xf>
    <xf numFmtId="0" fontId="9" fillId="0" borderId="61" xfId="6" applyFont="1" applyFill="1" applyBorder="1" applyAlignment="1">
      <alignment horizontal="center" vertical="top"/>
    </xf>
    <xf numFmtId="37" fontId="9" fillId="0" borderId="61" xfId="6" applyNumberFormat="1" applyFont="1" applyFill="1" applyBorder="1" applyAlignment="1">
      <alignment horizontal="right" vertical="top" indent="1"/>
    </xf>
    <xf numFmtId="37" fontId="9" fillId="0" borderId="58" xfId="6" applyNumberFormat="1" applyFont="1" applyFill="1" applyBorder="1" applyAlignment="1">
      <alignment horizontal="right" vertical="top" indent="1"/>
    </xf>
    <xf numFmtId="0" fontId="3" fillId="0" borderId="0" xfId="0" applyFont="1" applyBorder="1" applyAlignment="1">
      <alignment horizontal="left" vertical="center"/>
    </xf>
    <xf numFmtId="0" fontId="6" fillId="0" borderId="6" xfId="0" applyFont="1" applyBorder="1" applyAlignment="1">
      <alignment horizontal="center" vertical="center"/>
    </xf>
    <xf numFmtId="0" fontId="6" fillId="0" borderId="0" xfId="0" applyFont="1" applyBorder="1" applyAlignment="1">
      <alignment horizontal="center" vertical="center"/>
    </xf>
    <xf numFmtId="0" fontId="6" fillId="0" borderId="14" xfId="0" applyFont="1" applyBorder="1" applyAlignment="1">
      <alignment horizontal="center" vertical="center"/>
    </xf>
    <xf numFmtId="0" fontId="5" fillId="0" borderId="0" xfId="0" applyFont="1" applyAlignment="1">
      <alignment horizontal="center" vertical="center"/>
    </xf>
    <xf numFmtId="0" fontId="3" fillId="0" borderId="7" xfId="0" applyFont="1" applyBorder="1" applyAlignment="1">
      <alignment horizontal="center" vertical="center"/>
    </xf>
    <xf numFmtId="0" fontId="4" fillId="0" borderId="0" xfId="0" applyFont="1" applyFill="1" applyAlignment="1">
      <alignment horizontal="center"/>
    </xf>
    <xf numFmtId="0" fontId="3" fillId="0" borderId="0" xfId="0" applyFont="1" applyFill="1" applyAlignment="1">
      <alignment horizontal="center" vertical="center"/>
    </xf>
    <xf numFmtId="0" fontId="14" fillId="0" borderId="0" xfId="6" applyFont="1" applyFill="1" applyAlignment="1">
      <alignment horizontal="left" vertical="top" wrapText="1"/>
    </xf>
    <xf numFmtId="0" fontId="14" fillId="0" borderId="0" xfId="6" applyFont="1" applyFill="1" applyBorder="1" applyAlignment="1">
      <alignment horizontal="left" vertical="top"/>
    </xf>
    <xf numFmtId="0" fontId="0" fillId="0" borderId="0" xfId="0" applyAlignment="1"/>
    <xf numFmtId="0" fontId="14" fillId="0" borderId="0" xfId="2" applyFont="1" applyFill="1" applyBorder="1" applyAlignment="1" applyProtection="1">
      <alignment horizontal="left" vertical="top" wrapText="1"/>
    </xf>
    <xf numFmtId="0" fontId="0" fillId="0" borderId="0" xfId="0" applyAlignment="1">
      <alignment horizontal="left" vertical="top" wrapText="1"/>
    </xf>
    <xf numFmtId="0" fontId="12" fillId="0" borderId="0" xfId="4" applyFont="1" applyFill="1" applyAlignment="1">
      <alignment horizontal="left" vertical="center"/>
    </xf>
  </cellXfs>
  <cellStyles count="9">
    <cellStyle name="桁区切り" xfId="7" builtinId="6"/>
    <cellStyle name="通貨" xfId="8" builtinId="7"/>
    <cellStyle name="標準" xfId="0" builtinId="0"/>
    <cellStyle name="標準 2" xfId="1" xr:uid="{00000000-0005-0000-0000-000003000000}"/>
    <cellStyle name="標準 3" xfId="2" xr:uid="{00000000-0005-0000-0000-000004000000}"/>
    <cellStyle name="標準 3 2" xfId="6" xr:uid="{00000000-0005-0000-0000-000005000000}"/>
    <cellStyle name="標準_損益計算書" xfId="3" xr:uid="{00000000-0005-0000-0000-000006000000}"/>
    <cellStyle name="標準_貸借対照表（１）" xfId="4" xr:uid="{00000000-0005-0000-0000-000007000000}"/>
    <cellStyle name="標準_貸借対照表（２）" xfId="5" xr:uid="{00000000-0005-0000-0000-000008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5</xdr:col>
      <xdr:colOff>352425</xdr:colOff>
      <xdr:row>25</xdr:row>
      <xdr:rowOff>47625</xdr:rowOff>
    </xdr:from>
    <xdr:to>
      <xdr:col>8</xdr:col>
      <xdr:colOff>571500</xdr:colOff>
      <xdr:row>26</xdr:row>
      <xdr:rowOff>200025</xdr:rowOff>
    </xdr:to>
    <xdr:pic>
      <xdr:nvPicPr>
        <xdr:cNvPr id="108092" name="Picture 4" descr="sharp_j">
          <a:extLst>
            <a:ext uri="{FF2B5EF4-FFF2-40B4-BE49-F238E27FC236}">
              <a16:creationId xmlns:a16="http://schemas.microsoft.com/office/drawing/2014/main" id="{00000000-0008-0000-0000-00003CA60100}"/>
            </a:ext>
          </a:extLst>
        </xdr:cNvPr>
        <xdr:cNvPicPr>
          <a:picLocks noChangeAspect="1" noChangeArrowheads="1"/>
        </xdr:cNvPicPr>
      </xdr:nvPicPr>
      <xdr:blipFill>
        <a:blip xmlns:r="http://schemas.openxmlformats.org/officeDocument/2006/relationships" r:embed="rId1" cstate="print"/>
        <a:srcRect b="11542"/>
        <a:stretch>
          <a:fillRect/>
        </a:stretch>
      </xdr:blipFill>
      <xdr:spPr bwMode="auto">
        <a:xfrm>
          <a:off x="3924300" y="6105525"/>
          <a:ext cx="2362200" cy="438150"/>
        </a:xfrm>
        <a:prstGeom prst="rect">
          <a:avLst/>
        </a:prstGeom>
        <a:noFill/>
        <a:ln w="9525">
          <a:noFill/>
          <a:miter lim="800000"/>
          <a:headEnd/>
          <a:tailEnd/>
        </a:ln>
      </xdr:spPr>
    </xdr:pic>
    <xdr:clientData/>
  </xdr:twoCellAnchor>
  <xdr:twoCellAnchor editAs="oneCell">
    <xdr:from>
      <xdr:col>0</xdr:col>
      <xdr:colOff>23531</xdr:colOff>
      <xdr:row>0</xdr:row>
      <xdr:rowOff>24654</xdr:rowOff>
    </xdr:from>
    <xdr:to>
      <xdr:col>2</xdr:col>
      <xdr:colOff>608778</xdr:colOff>
      <xdr:row>2</xdr:row>
      <xdr:rowOff>10228</xdr:rowOff>
    </xdr:to>
    <xdr:pic>
      <xdr:nvPicPr>
        <xdr:cNvPr id="108093" name="Picture 5">
          <a:extLst>
            <a:ext uri="{FF2B5EF4-FFF2-40B4-BE49-F238E27FC236}">
              <a16:creationId xmlns:a16="http://schemas.microsoft.com/office/drawing/2014/main" id="{00000000-0008-0000-0000-00003DA60100}"/>
            </a:ext>
          </a:extLst>
        </xdr:cNvPr>
        <xdr:cNvPicPr>
          <a:picLocks noChangeAspect="1" noChangeArrowheads="1"/>
        </xdr:cNvPicPr>
      </xdr:nvPicPr>
      <xdr:blipFill>
        <a:blip xmlns:r="http://schemas.openxmlformats.org/officeDocument/2006/relationships" r:embed="rId2" cstate="print"/>
        <a:srcRect/>
        <a:stretch>
          <a:fillRect/>
        </a:stretch>
      </xdr:blipFill>
      <xdr:spPr bwMode="auto">
        <a:xfrm>
          <a:off x="23531" y="24654"/>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AC40"/>
  <sheetViews>
    <sheetView tabSelected="1" zoomScaleNormal="100" zoomScaleSheetLayoutView="70" workbookViewId="0">
      <selection activeCell="A2" sqref="A2"/>
    </sheetView>
  </sheetViews>
  <sheetFormatPr defaultRowHeight="13.5" x14ac:dyDescent="0.15"/>
  <cols>
    <col min="1" max="14" width="9.375" style="41" customWidth="1"/>
    <col min="15" max="16384" width="9" style="41"/>
  </cols>
  <sheetData>
    <row r="2" spans="1:14" x14ac:dyDescent="0.15">
      <c r="G2" s="42"/>
    </row>
    <row r="7" spans="1:14" ht="51" customHeight="1" x14ac:dyDescent="0.15">
      <c r="A7" s="43"/>
      <c r="B7" s="43"/>
      <c r="C7" s="43"/>
      <c r="D7" s="43"/>
      <c r="E7" s="311" t="s">
        <v>103</v>
      </c>
      <c r="F7" s="311"/>
      <c r="G7" s="311"/>
      <c r="H7" s="311"/>
      <c r="I7" s="311"/>
      <c r="J7" s="311"/>
      <c r="K7" s="43"/>
      <c r="L7" s="43"/>
      <c r="M7" s="43"/>
      <c r="N7" s="43"/>
    </row>
    <row r="8" spans="1:14" ht="22.5" customHeight="1" x14ac:dyDescent="0.2">
      <c r="A8" s="44"/>
      <c r="B8" s="43"/>
      <c r="C8" s="43"/>
      <c r="D8" s="43"/>
      <c r="E8" s="313" t="s">
        <v>233</v>
      </c>
      <c r="F8" s="313"/>
      <c r="G8" s="313"/>
      <c r="H8" s="313"/>
      <c r="I8" s="313"/>
      <c r="J8" s="313"/>
      <c r="K8" s="43"/>
      <c r="L8" s="43"/>
      <c r="M8" s="43"/>
      <c r="N8" s="43"/>
    </row>
    <row r="9" spans="1:14" ht="22.5" customHeight="1" x14ac:dyDescent="0.15">
      <c r="A9" s="43"/>
      <c r="B9" s="43"/>
      <c r="C9" s="43"/>
      <c r="D9" s="43"/>
      <c r="E9" s="314" t="s">
        <v>234</v>
      </c>
      <c r="F9" s="314"/>
      <c r="G9" s="314"/>
      <c r="H9" s="314"/>
      <c r="I9" s="314"/>
      <c r="J9" s="314"/>
      <c r="K9" s="43"/>
      <c r="L9" s="43"/>
      <c r="M9" s="43"/>
      <c r="N9" s="43"/>
    </row>
    <row r="10" spans="1:14" ht="22.5" customHeight="1" x14ac:dyDescent="0.15"/>
    <row r="11" spans="1:14" ht="22.5" customHeight="1" x14ac:dyDescent="0.15">
      <c r="A11" s="45"/>
      <c r="B11" s="45"/>
      <c r="C11" s="45"/>
      <c r="D11" s="45"/>
      <c r="E11" s="312" t="s">
        <v>104</v>
      </c>
      <c r="F11" s="312"/>
      <c r="G11" s="312"/>
      <c r="H11" s="312"/>
      <c r="I11" s="312"/>
      <c r="J11" s="312"/>
      <c r="K11" s="45"/>
      <c r="L11" s="45"/>
      <c r="M11" s="45"/>
      <c r="N11" s="45"/>
    </row>
    <row r="12" spans="1:14" ht="22.5" customHeight="1" x14ac:dyDescent="0.15">
      <c r="A12" s="45"/>
      <c r="B12" s="45"/>
      <c r="C12" s="45"/>
      <c r="D12" s="45"/>
      <c r="E12" s="46"/>
      <c r="F12" s="47"/>
      <c r="G12" s="47"/>
      <c r="H12" s="47"/>
      <c r="I12" s="47"/>
      <c r="J12" s="48"/>
      <c r="K12" s="45"/>
      <c r="L12" s="45"/>
      <c r="M12" s="45"/>
      <c r="N12" s="45"/>
    </row>
    <row r="13" spans="1:14" ht="22.5" customHeight="1" x14ac:dyDescent="0.15">
      <c r="A13" s="49"/>
      <c r="B13" s="49"/>
      <c r="C13" s="45"/>
      <c r="D13" s="49"/>
      <c r="E13" s="308" t="s">
        <v>291</v>
      </c>
      <c r="F13" s="309"/>
      <c r="G13" s="309"/>
      <c r="H13" s="309"/>
      <c r="I13" s="309"/>
      <c r="J13" s="310"/>
      <c r="K13" s="49"/>
      <c r="L13" s="49"/>
      <c r="M13" s="49"/>
      <c r="N13" s="49"/>
    </row>
    <row r="14" spans="1:14" ht="7.5" customHeight="1" x14ac:dyDescent="0.15">
      <c r="A14" s="49"/>
      <c r="B14" s="49"/>
      <c r="C14" s="45"/>
      <c r="D14" s="49"/>
      <c r="E14" s="46"/>
      <c r="F14" s="47"/>
      <c r="G14" s="47"/>
      <c r="H14" s="47"/>
      <c r="I14" s="47"/>
      <c r="J14" s="48"/>
      <c r="K14" s="49"/>
      <c r="L14" s="49"/>
      <c r="M14" s="49"/>
      <c r="N14" s="49"/>
    </row>
    <row r="15" spans="1:14" ht="22.5" customHeight="1" x14ac:dyDescent="0.15">
      <c r="A15" s="45"/>
      <c r="B15" s="45"/>
      <c r="C15" s="45"/>
      <c r="D15" s="45"/>
      <c r="E15" s="308" t="s">
        <v>112</v>
      </c>
      <c r="F15" s="309"/>
      <c r="G15" s="309"/>
      <c r="H15" s="309"/>
      <c r="I15" s="309"/>
      <c r="J15" s="310"/>
      <c r="K15" s="45"/>
      <c r="L15" s="45"/>
      <c r="M15" s="45"/>
      <c r="N15" s="45"/>
    </row>
    <row r="16" spans="1:14" ht="7.5" customHeight="1" x14ac:dyDescent="0.15">
      <c r="A16" s="45"/>
      <c r="B16" s="45"/>
      <c r="C16" s="45"/>
      <c r="D16" s="45"/>
      <c r="E16" s="46"/>
      <c r="F16" s="47"/>
      <c r="G16" s="47"/>
      <c r="H16" s="47"/>
      <c r="I16" s="47"/>
      <c r="J16" s="48"/>
      <c r="K16" s="45"/>
      <c r="L16" s="45"/>
      <c r="M16" s="45"/>
      <c r="N16" s="45"/>
    </row>
    <row r="17" spans="1:18" ht="22.5" customHeight="1" x14ac:dyDescent="0.15">
      <c r="A17" s="45"/>
      <c r="B17" s="45"/>
      <c r="C17" s="45"/>
      <c r="D17" s="45"/>
      <c r="E17" s="308" t="s">
        <v>43</v>
      </c>
      <c r="F17" s="309"/>
      <c r="G17" s="309"/>
      <c r="H17" s="309"/>
      <c r="I17" s="309"/>
      <c r="J17" s="310"/>
      <c r="K17" s="45"/>
      <c r="L17" s="45"/>
      <c r="M17" s="45"/>
      <c r="N17" s="45"/>
    </row>
    <row r="18" spans="1:18" ht="7.5" customHeight="1" x14ac:dyDescent="0.15">
      <c r="A18" s="45"/>
      <c r="B18" s="45"/>
      <c r="C18" s="45"/>
      <c r="D18" s="45"/>
      <c r="E18" s="46"/>
      <c r="F18" s="47"/>
      <c r="G18" s="47"/>
      <c r="H18" s="47"/>
      <c r="I18" s="47"/>
      <c r="J18" s="48"/>
      <c r="K18" s="45"/>
      <c r="L18" s="45"/>
      <c r="M18" s="45"/>
      <c r="N18" s="45"/>
    </row>
    <row r="19" spans="1:18" ht="22.5" customHeight="1" x14ac:dyDescent="0.15">
      <c r="A19" s="45"/>
      <c r="B19" s="45"/>
      <c r="C19" s="45"/>
      <c r="D19" s="45"/>
      <c r="E19" s="308" t="s">
        <v>97</v>
      </c>
      <c r="F19" s="309"/>
      <c r="G19" s="309"/>
      <c r="H19" s="309"/>
      <c r="I19" s="309"/>
      <c r="J19" s="310"/>
      <c r="K19" s="45"/>
      <c r="L19" s="45"/>
      <c r="M19" s="45"/>
      <c r="N19" s="45"/>
    </row>
    <row r="20" spans="1:18" ht="7.5" customHeight="1" x14ac:dyDescent="0.15">
      <c r="A20" s="45"/>
      <c r="B20" s="45"/>
      <c r="C20" s="45"/>
      <c r="D20" s="45"/>
      <c r="E20" s="46"/>
      <c r="F20" s="47"/>
      <c r="G20" s="47"/>
      <c r="H20" s="47"/>
      <c r="I20" s="47"/>
      <c r="J20" s="48"/>
      <c r="K20" s="45"/>
      <c r="L20" s="45"/>
      <c r="M20" s="45"/>
      <c r="N20" s="45"/>
    </row>
    <row r="21" spans="1:18" ht="22.5" customHeight="1" x14ac:dyDescent="0.15">
      <c r="A21" s="45"/>
      <c r="B21" s="45"/>
      <c r="C21" s="45"/>
      <c r="D21" s="45"/>
      <c r="E21" s="308" t="s">
        <v>99</v>
      </c>
      <c r="F21" s="309"/>
      <c r="G21" s="309"/>
      <c r="H21" s="309"/>
      <c r="I21" s="309"/>
      <c r="J21" s="310"/>
      <c r="K21" s="45"/>
      <c r="L21" s="45"/>
      <c r="M21" s="45"/>
      <c r="N21" s="45"/>
    </row>
    <row r="22" spans="1:18" ht="22.5" customHeight="1" x14ac:dyDescent="0.15">
      <c r="A22" s="45"/>
      <c r="B22" s="45"/>
      <c r="C22" s="45"/>
      <c r="D22" s="45"/>
      <c r="E22" s="50"/>
      <c r="F22" s="51"/>
      <c r="G22" s="51"/>
      <c r="H22" s="51"/>
      <c r="I22" s="52"/>
      <c r="J22" s="53"/>
      <c r="K22" s="45"/>
      <c r="L22" s="45"/>
      <c r="M22" s="45"/>
      <c r="N22" s="45"/>
    </row>
    <row r="23" spans="1:18" ht="22.5" customHeight="1" x14ac:dyDescent="0.15">
      <c r="A23" s="45"/>
      <c r="B23" s="45"/>
      <c r="C23" s="45"/>
      <c r="D23" s="45"/>
      <c r="E23" s="45"/>
      <c r="F23" s="45"/>
      <c r="G23" s="45"/>
      <c r="H23" s="45"/>
      <c r="I23" s="45"/>
      <c r="J23" s="45"/>
      <c r="K23" s="45"/>
      <c r="L23" s="45"/>
      <c r="M23" s="45"/>
      <c r="N23" s="45"/>
    </row>
    <row r="24" spans="1:18" ht="22.5" customHeight="1" x14ac:dyDescent="0.15">
      <c r="A24" s="45"/>
      <c r="B24" s="45"/>
      <c r="C24" s="45"/>
      <c r="D24" s="298" t="s">
        <v>284</v>
      </c>
      <c r="E24" s="307" t="s">
        <v>292</v>
      </c>
      <c r="F24" s="307"/>
      <c r="G24" s="307"/>
      <c r="H24" s="307"/>
      <c r="I24" s="307"/>
      <c r="J24" s="307"/>
      <c r="K24" s="307"/>
      <c r="L24" s="307"/>
      <c r="M24" s="307"/>
      <c r="N24" s="45"/>
    </row>
    <row r="25" spans="1:18" ht="22.5" customHeight="1" x14ac:dyDescent="0.15">
      <c r="D25" s="298" t="s">
        <v>284</v>
      </c>
      <c r="E25" s="297" t="s">
        <v>290</v>
      </c>
      <c r="F25" s="297"/>
      <c r="G25" s="297"/>
      <c r="H25" s="297"/>
      <c r="I25" s="297"/>
      <c r="J25" s="297"/>
      <c r="K25" s="297"/>
      <c r="L25" s="297"/>
      <c r="R25" s="54"/>
    </row>
    <row r="26" spans="1:18" ht="22.5" customHeight="1" x14ac:dyDescent="0.15">
      <c r="A26" s="43"/>
      <c r="B26" s="43"/>
      <c r="C26" s="43"/>
      <c r="D26" s="43"/>
      <c r="E26" s="43"/>
      <c r="F26" s="43"/>
      <c r="G26" s="43"/>
      <c r="H26" s="43"/>
      <c r="I26" s="43"/>
      <c r="J26" s="43"/>
      <c r="K26" s="43"/>
      <c r="L26" s="43"/>
      <c r="M26" s="43"/>
      <c r="N26" s="43"/>
    </row>
    <row r="27" spans="1:18" ht="22.5" customHeight="1" x14ac:dyDescent="0.15">
      <c r="A27" s="43"/>
      <c r="B27" s="43"/>
      <c r="C27" s="43"/>
      <c r="D27" s="43"/>
      <c r="E27" s="43"/>
      <c r="F27" s="43"/>
      <c r="G27" s="43"/>
      <c r="H27" s="43"/>
      <c r="I27" s="43"/>
      <c r="J27" s="43"/>
      <c r="K27" s="43"/>
      <c r="L27" s="43"/>
      <c r="M27" s="43"/>
      <c r="N27" s="43"/>
    </row>
    <row r="36" spans="24:29" x14ac:dyDescent="0.15">
      <c r="X36" s="45"/>
      <c r="Y36" s="45"/>
      <c r="Z36" s="45"/>
      <c r="AA36" s="45"/>
      <c r="AB36" s="45"/>
      <c r="AC36" s="45"/>
    </row>
    <row r="37" spans="24:29" x14ac:dyDescent="0.15">
      <c r="X37" s="45"/>
      <c r="Y37" s="45"/>
      <c r="Z37" s="45"/>
      <c r="AA37" s="45"/>
      <c r="AB37" s="45"/>
      <c r="AC37" s="45"/>
    </row>
    <row r="38" spans="24:29" x14ac:dyDescent="0.15">
      <c r="X38" s="45"/>
      <c r="Y38" s="45"/>
      <c r="Z38" s="45"/>
      <c r="AA38" s="45"/>
      <c r="AB38" s="45"/>
      <c r="AC38" s="45"/>
    </row>
    <row r="39" spans="24:29" x14ac:dyDescent="0.15">
      <c r="X39" s="45"/>
      <c r="Y39" s="45"/>
      <c r="Z39" s="45"/>
      <c r="AA39" s="45"/>
      <c r="AB39" s="45"/>
      <c r="AC39" s="45"/>
    </row>
    <row r="40" spans="24:29" x14ac:dyDescent="0.15">
      <c r="X40" s="45"/>
      <c r="Y40" s="45"/>
      <c r="Z40" s="45"/>
      <c r="AA40" s="45"/>
      <c r="AB40" s="45"/>
      <c r="AC40" s="45"/>
    </row>
  </sheetData>
  <mergeCells count="10">
    <mergeCell ref="E24:M24"/>
    <mergeCell ref="E15:J15"/>
    <mergeCell ref="E7:J7"/>
    <mergeCell ref="E11:J11"/>
    <mergeCell ref="E17:J17"/>
    <mergeCell ref="E19:J19"/>
    <mergeCell ref="E21:J21"/>
    <mergeCell ref="E8:J8"/>
    <mergeCell ref="E9:J9"/>
    <mergeCell ref="E13:J13"/>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K114"/>
  <sheetViews>
    <sheetView showGridLines="0" zoomScaleNormal="100" zoomScaleSheetLayoutView="75" workbookViewId="0">
      <selection activeCell="A2" sqref="A2"/>
    </sheetView>
  </sheetViews>
  <sheetFormatPr defaultRowHeight="12" x14ac:dyDescent="0.15"/>
  <cols>
    <col min="1" max="1" width="2.625" style="59" customWidth="1"/>
    <col min="2" max="2" width="31.625" style="59" customWidth="1"/>
    <col min="3" max="3" width="10.125" style="59" customWidth="1"/>
    <col min="4" max="7" width="17.375" style="59" customWidth="1"/>
    <col min="8" max="8" width="17.375" style="63" customWidth="1"/>
    <col min="9" max="247" width="9" style="59"/>
    <col min="248" max="248" width="2.625" style="59" customWidth="1"/>
    <col min="249" max="249" width="31.625" style="59" customWidth="1"/>
    <col min="250" max="250" width="10.125" style="59" customWidth="1"/>
    <col min="251" max="255" width="17.375" style="59" customWidth="1"/>
    <col min="256" max="256" width="2.625" style="59" customWidth="1"/>
    <col min="257" max="503" width="9" style="59"/>
    <col min="504" max="504" width="2.625" style="59" customWidth="1"/>
    <col min="505" max="505" width="31.625" style="59" customWidth="1"/>
    <col min="506" max="506" width="10.125" style="59" customWidth="1"/>
    <col min="507" max="511" width="17.375" style="59" customWidth="1"/>
    <col min="512" max="512" width="2.625" style="59" customWidth="1"/>
    <col min="513" max="759" width="9" style="59"/>
    <col min="760" max="760" width="2.625" style="59" customWidth="1"/>
    <col min="761" max="761" width="31.625" style="59" customWidth="1"/>
    <col min="762" max="762" width="10.125" style="59" customWidth="1"/>
    <col min="763" max="767" width="17.375" style="59" customWidth="1"/>
    <col min="768" max="768" width="2.625" style="59" customWidth="1"/>
    <col min="769" max="1015" width="9" style="59"/>
    <col min="1016" max="1016" width="2.625" style="59" customWidth="1"/>
    <col min="1017" max="1017" width="31.625" style="59" customWidth="1"/>
    <col min="1018" max="1018" width="10.125" style="59" customWidth="1"/>
    <col min="1019" max="1023" width="17.375" style="59" customWidth="1"/>
    <col min="1024" max="1024" width="2.625" style="59" customWidth="1"/>
    <col min="1025" max="1271" width="9" style="59"/>
    <col min="1272" max="1272" width="2.625" style="59" customWidth="1"/>
    <col min="1273" max="1273" width="31.625" style="59" customWidth="1"/>
    <col min="1274" max="1274" width="10.125" style="59" customWidth="1"/>
    <col min="1275" max="1279" width="17.375" style="59" customWidth="1"/>
    <col min="1280" max="1280" width="2.625" style="59" customWidth="1"/>
    <col min="1281" max="1527" width="9" style="59"/>
    <col min="1528" max="1528" width="2.625" style="59" customWidth="1"/>
    <col min="1529" max="1529" width="31.625" style="59" customWidth="1"/>
    <col min="1530" max="1530" width="10.125" style="59" customWidth="1"/>
    <col min="1531" max="1535" width="17.375" style="59" customWidth="1"/>
    <col min="1536" max="1536" width="2.625" style="59" customWidth="1"/>
    <col min="1537" max="1783" width="9" style="59"/>
    <col min="1784" max="1784" width="2.625" style="59" customWidth="1"/>
    <col min="1785" max="1785" width="31.625" style="59" customWidth="1"/>
    <col min="1786" max="1786" width="10.125" style="59" customWidth="1"/>
    <col min="1787" max="1791" width="17.375" style="59" customWidth="1"/>
    <col min="1792" max="1792" width="2.625" style="59" customWidth="1"/>
    <col min="1793" max="2039" width="9" style="59"/>
    <col min="2040" max="2040" width="2.625" style="59" customWidth="1"/>
    <col min="2041" max="2041" width="31.625" style="59" customWidth="1"/>
    <col min="2042" max="2042" width="10.125" style="59" customWidth="1"/>
    <col min="2043" max="2047" width="17.375" style="59" customWidth="1"/>
    <col min="2048" max="2048" width="2.625" style="59" customWidth="1"/>
    <col min="2049" max="2295" width="9" style="59"/>
    <col min="2296" max="2296" width="2.625" style="59" customWidth="1"/>
    <col min="2297" max="2297" width="31.625" style="59" customWidth="1"/>
    <col min="2298" max="2298" width="10.125" style="59" customWidth="1"/>
    <col min="2299" max="2303" width="17.375" style="59" customWidth="1"/>
    <col min="2304" max="2304" width="2.625" style="59" customWidth="1"/>
    <col min="2305" max="2551" width="9" style="59"/>
    <col min="2552" max="2552" width="2.625" style="59" customWidth="1"/>
    <col min="2553" max="2553" width="31.625" style="59" customWidth="1"/>
    <col min="2554" max="2554" width="10.125" style="59" customWidth="1"/>
    <col min="2555" max="2559" width="17.375" style="59" customWidth="1"/>
    <col min="2560" max="2560" width="2.625" style="59" customWidth="1"/>
    <col min="2561" max="2807" width="9" style="59"/>
    <col min="2808" max="2808" width="2.625" style="59" customWidth="1"/>
    <col min="2809" max="2809" width="31.625" style="59" customWidth="1"/>
    <col min="2810" max="2810" width="10.125" style="59" customWidth="1"/>
    <col min="2811" max="2815" width="17.375" style="59" customWidth="1"/>
    <col min="2816" max="2816" width="2.625" style="59" customWidth="1"/>
    <col min="2817" max="3063" width="9" style="59"/>
    <col min="3064" max="3064" width="2.625" style="59" customWidth="1"/>
    <col min="3065" max="3065" width="31.625" style="59" customWidth="1"/>
    <col min="3066" max="3066" width="10.125" style="59" customWidth="1"/>
    <col min="3067" max="3071" width="17.375" style="59" customWidth="1"/>
    <col min="3072" max="3072" width="2.625" style="59" customWidth="1"/>
    <col min="3073" max="3319" width="9" style="59"/>
    <col min="3320" max="3320" width="2.625" style="59" customWidth="1"/>
    <col min="3321" max="3321" width="31.625" style="59" customWidth="1"/>
    <col min="3322" max="3322" width="10.125" style="59" customWidth="1"/>
    <col min="3323" max="3327" width="17.375" style="59" customWidth="1"/>
    <col min="3328" max="3328" width="2.625" style="59" customWidth="1"/>
    <col min="3329" max="3575" width="9" style="59"/>
    <col min="3576" max="3576" width="2.625" style="59" customWidth="1"/>
    <col min="3577" max="3577" width="31.625" style="59" customWidth="1"/>
    <col min="3578" max="3578" width="10.125" style="59" customWidth="1"/>
    <col min="3579" max="3583" width="17.375" style="59" customWidth="1"/>
    <col min="3584" max="3584" width="2.625" style="59" customWidth="1"/>
    <col min="3585" max="3831" width="9" style="59"/>
    <col min="3832" max="3832" width="2.625" style="59" customWidth="1"/>
    <col min="3833" max="3833" width="31.625" style="59" customWidth="1"/>
    <col min="3834" max="3834" width="10.125" style="59" customWidth="1"/>
    <col min="3835" max="3839" width="17.375" style="59" customWidth="1"/>
    <col min="3840" max="3840" width="2.625" style="59" customWidth="1"/>
    <col min="3841" max="4087" width="9" style="59"/>
    <col min="4088" max="4088" width="2.625" style="59" customWidth="1"/>
    <col min="4089" max="4089" width="31.625" style="59" customWidth="1"/>
    <col min="4090" max="4090" width="10.125" style="59" customWidth="1"/>
    <col min="4091" max="4095" width="17.375" style="59" customWidth="1"/>
    <col min="4096" max="4096" width="2.625" style="59" customWidth="1"/>
    <col min="4097" max="4343" width="9" style="59"/>
    <col min="4344" max="4344" width="2.625" style="59" customWidth="1"/>
    <col min="4345" max="4345" width="31.625" style="59" customWidth="1"/>
    <col min="4346" max="4346" width="10.125" style="59" customWidth="1"/>
    <col min="4347" max="4351" width="17.375" style="59" customWidth="1"/>
    <col min="4352" max="4352" width="2.625" style="59" customWidth="1"/>
    <col min="4353" max="4599" width="9" style="59"/>
    <col min="4600" max="4600" width="2.625" style="59" customWidth="1"/>
    <col min="4601" max="4601" width="31.625" style="59" customWidth="1"/>
    <col min="4602" max="4602" width="10.125" style="59" customWidth="1"/>
    <col min="4603" max="4607" width="17.375" style="59" customWidth="1"/>
    <col min="4608" max="4608" width="2.625" style="59" customWidth="1"/>
    <col min="4609" max="4855" width="9" style="59"/>
    <col min="4856" max="4856" width="2.625" style="59" customWidth="1"/>
    <col min="4857" max="4857" width="31.625" style="59" customWidth="1"/>
    <col min="4858" max="4858" width="10.125" style="59" customWidth="1"/>
    <col min="4859" max="4863" width="17.375" style="59" customWidth="1"/>
    <col min="4864" max="4864" width="2.625" style="59" customWidth="1"/>
    <col min="4865" max="5111" width="9" style="59"/>
    <col min="5112" max="5112" width="2.625" style="59" customWidth="1"/>
    <col min="5113" max="5113" width="31.625" style="59" customWidth="1"/>
    <col min="5114" max="5114" width="10.125" style="59" customWidth="1"/>
    <col min="5115" max="5119" width="17.375" style="59" customWidth="1"/>
    <col min="5120" max="5120" width="2.625" style="59" customWidth="1"/>
    <col min="5121" max="5367" width="9" style="59"/>
    <col min="5368" max="5368" width="2.625" style="59" customWidth="1"/>
    <col min="5369" max="5369" width="31.625" style="59" customWidth="1"/>
    <col min="5370" max="5370" width="10.125" style="59" customWidth="1"/>
    <col min="5371" max="5375" width="17.375" style="59" customWidth="1"/>
    <col min="5376" max="5376" width="2.625" style="59" customWidth="1"/>
    <col min="5377" max="5623" width="9" style="59"/>
    <col min="5624" max="5624" width="2.625" style="59" customWidth="1"/>
    <col min="5625" max="5625" width="31.625" style="59" customWidth="1"/>
    <col min="5626" max="5626" width="10.125" style="59" customWidth="1"/>
    <col min="5627" max="5631" width="17.375" style="59" customWidth="1"/>
    <col min="5632" max="5632" width="2.625" style="59" customWidth="1"/>
    <col min="5633" max="5879" width="9" style="59"/>
    <col min="5880" max="5880" width="2.625" style="59" customWidth="1"/>
    <col min="5881" max="5881" width="31.625" style="59" customWidth="1"/>
    <col min="5882" max="5882" width="10.125" style="59" customWidth="1"/>
    <col min="5883" max="5887" width="17.375" style="59" customWidth="1"/>
    <col min="5888" max="5888" width="2.625" style="59" customWidth="1"/>
    <col min="5889" max="6135" width="9" style="59"/>
    <col min="6136" max="6136" width="2.625" style="59" customWidth="1"/>
    <col min="6137" max="6137" width="31.625" style="59" customWidth="1"/>
    <col min="6138" max="6138" width="10.125" style="59" customWidth="1"/>
    <col min="6139" max="6143" width="17.375" style="59" customWidth="1"/>
    <col min="6144" max="6144" width="2.625" style="59" customWidth="1"/>
    <col min="6145" max="6391" width="9" style="59"/>
    <col min="6392" max="6392" width="2.625" style="59" customWidth="1"/>
    <col min="6393" max="6393" width="31.625" style="59" customWidth="1"/>
    <col min="6394" max="6394" width="10.125" style="59" customWidth="1"/>
    <col min="6395" max="6399" width="17.375" style="59" customWidth="1"/>
    <col min="6400" max="6400" width="2.625" style="59" customWidth="1"/>
    <col min="6401" max="6647" width="9" style="59"/>
    <col min="6648" max="6648" width="2.625" style="59" customWidth="1"/>
    <col min="6649" max="6649" width="31.625" style="59" customWidth="1"/>
    <col min="6650" max="6650" width="10.125" style="59" customWidth="1"/>
    <col min="6651" max="6655" width="17.375" style="59" customWidth="1"/>
    <col min="6656" max="6656" width="2.625" style="59" customWidth="1"/>
    <col min="6657" max="6903" width="9" style="59"/>
    <col min="6904" max="6904" width="2.625" style="59" customWidth="1"/>
    <col min="6905" max="6905" width="31.625" style="59" customWidth="1"/>
    <col min="6906" max="6906" width="10.125" style="59" customWidth="1"/>
    <col min="6907" max="6911" width="17.375" style="59" customWidth="1"/>
    <col min="6912" max="6912" width="2.625" style="59" customWidth="1"/>
    <col min="6913" max="7159" width="9" style="59"/>
    <col min="7160" max="7160" width="2.625" style="59" customWidth="1"/>
    <col min="7161" max="7161" width="31.625" style="59" customWidth="1"/>
    <col min="7162" max="7162" width="10.125" style="59" customWidth="1"/>
    <col min="7163" max="7167" width="17.375" style="59" customWidth="1"/>
    <col min="7168" max="7168" width="2.625" style="59" customWidth="1"/>
    <col min="7169" max="7415" width="9" style="59"/>
    <col min="7416" max="7416" width="2.625" style="59" customWidth="1"/>
    <col min="7417" max="7417" width="31.625" style="59" customWidth="1"/>
    <col min="7418" max="7418" width="10.125" style="59" customWidth="1"/>
    <col min="7419" max="7423" width="17.375" style="59" customWidth="1"/>
    <col min="7424" max="7424" width="2.625" style="59" customWidth="1"/>
    <col min="7425" max="7671" width="9" style="59"/>
    <col min="7672" max="7672" width="2.625" style="59" customWidth="1"/>
    <col min="7673" max="7673" width="31.625" style="59" customWidth="1"/>
    <col min="7674" max="7674" width="10.125" style="59" customWidth="1"/>
    <col min="7675" max="7679" width="17.375" style="59" customWidth="1"/>
    <col min="7680" max="7680" width="2.625" style="59" customWidth="1"/>
    <col min="7681" max="7927" width="9" style="59"/>
    <col min="7928" max="7928" width="2.625" style="59" customWidth="1"/>
    <col min="7929" max="7929" width="31.625" style="59" customWidth="1"/>
    <col min="7930" max="7930" width="10.125" style="59" customWidth="1"/>
    <col min="7931" max="7935" width="17.375" style="59" customWidth="1"/>
    <col min="7936" max="7936" width="2.625" style="59" customWidth="1"/>
    <col min="7937" max="8183" width="9" style="59"/>
    <col min="8184" max="8184" width="2.625" style="59" customWidth="1"/>
    <col min="8185" max="8185" width="31.625" style="59" customWidth="1"/>
    <col min="8186" max="8186" width="10.125" style="59" customWidth="1"/>
    <col min="8187" max="8191" width="17.375" style="59" customWidth="1"/>
    <col min="8192" max="8192" width="2.625" style="59" customWidth="1"/>
    <col min="8193" max="8439" width="9" style="59"/>
    <col min="8440" max="8440" width="2.625" style="59" customWidth="1"/>
    <col min="8441" max="8441" width="31.625" style="59" customWidth="1"/>
    <col min="8442" max="8442" width="10.125" style="59" customWidth="1"/>
    <col min="8443" max="8447" width="17.375" style="59" customWidth="1"/>
    <col min="8448" max="8448" width="2.625" style="59" customWidth="1"/>
    <col min="8449" max="8695" width="9" style="59"/>
    <col min="8696" max="8696" width="2.625" style="59" customWidth="1"/>
    <col min="8697" max="8697" width="31.625" style="59" customWidth="1"/>
    <col min="8698" max="8698" width="10.125" style="59" customWidth="1"/>
    <col min="8699" max="8703" width="17.375" style="59" customWidth="1"/>
    <col min="8704" max="8704" width="2.625" style="59" customWidth="1"/>
    <col min="8705" max="8951" width="9" style="59"/>
    <col min="8952" max="8952" width="2.625" style="59" customWidth="1"/>
    <col min="8953" max="8953" width="31.625" style="59" customWidth="1"/>
    <col min="8954" max="8954" width="10.125" style="59" customWidth="1"/>
    <col min="8955" max="8959" width="17.375" style="59" customWidth="1"/>
    <col min="8960" max="8960" width="2.625" style="59" customWidth="1"/>
    <col min="8961" max="9207" width="9" style="59"/>
    <col min="9208" max="9208" width="2.625" style="59" customWidth="1"/>
    <col min="9209" max="9209" width="31.625" style="59" customWidth="1"/>
    <col min="9210" max="9210" width="10.125" style="59" customWidth="1"/>
    <col min="9211" max="9215" width="17.375" style="59" customWidth="1"/>
    <col min="9216" max="9216" width="2.625" style="59" customWidth="1"/>
    <col min="9217" max="9463" width="9" style="59"/>
    <col min="9464" max="9464" width="2.625" style="59" customWidth="1"/>
    <col min="9465" max="9465" width="31.625" style="59" customWidth="1"/>
    <col min="9466" max="9466" width="10.125" style="59" customWidth="1"/>
    <col min="9467" max="9471" width="17.375" style="59" customWidth="1"/>
    <col min="9472" max="9472" width="2.625" style="59" customWidth="1"/>
    <col min="9473" max="9719" width="9" style="59"/>
    <col min="9720" max="9720" width="2.625" style="59" customWidth="1"/>
    <col min="9721" max="9721" width="31.625" style="59" customWidth="1"/>
    <col min="9722" max="9722" width="10.125" style="59" customWidth="1"/>
    <col min="9723" max="9727" width="17.375" style="59" customWidth="1"/>
    <col min="9728" max="9728" width="2.625" style="59" customWidth="1"/>
    <col min="9729" max="9975" width="9" style="59"/>
    <col min="9976" max="9976" width="2.625" style="59" customWidth="1"/>
    <col min="9977" max="9977" width="31.625" style="59" customWidth="1"/>
    <col min="9978" max="9978" width="10.125" style="59" customWidth="1"/>
    <col min="9979" max="9983" width="17.375" style="59" customWidth="1"/>
    <col min="9984" max="9984" width="2.625" style="59" customWidth="1"/>
    <col min="9985" max="10231" width="9" style="59"/>
    <col min="10232" max="10232" width="2.625" style="59" customWidth="1"/>
    <col min="10233" max="10233" width="31.625" style="59" customWidth="1"/>
    <col min="10234" max="10234" width="10.125" style="59" customWidth="1"/>
    <col min="10235" max="10239" width="17.375" style="59" customWidth="1"/>
    <col min="10240" max="10240" width="2.625" style="59" customWidth="1"/>
    <col min="10241" max="10487" width="9" style="59"/>
    <col min="10488" max="10488" width="2.625" style="59" customWidth="1"/>
    <col min="10489" max="10489" width="31.625" style="59" customWidth="1"/>
    <col min="10490" max="10490" width="10.125" style="59" customWidth="1"/>
    <col min="10491" max="10495" width="17.375" style="59" customWidth="1"/>
    <col min="10496" max="10496" width="2.625" style="59" customWidth="1"/>
    <col min="10497" max="10743" width="9" style="59"/>
    <col min="10744" max="10744" width="2.625" style="59" customWidth="1"/>
    <col min="10745" max="10745" width="31.625" style="59" customWidth="1"/>
    <col min="10746" max="10746" width="10.125" style="59" customWidth="1"/>
    <col min="10747" max="10751" width="17.375" style="59" customWidth="1"/>
    <col min="10752" max="10752" width="2.625" style="59" customWidth="1"/>
    <col min="10753" max="10999" width="9" style="59"/>
    <col min="11000" max="11000" width="2.625" style="59" customWidth="1"/>
    <col min="11001" max="11001" width="31.625" style="59" customWidth="1"/>
    <col min="11002" max="11002" width="10.125" style="59" customWidth="1"/>
    <col min="11003" max="11007" width="17.375" style="59" customWidth="1"/>
    <col min="11008" max="11008" width="2.625" style="59" customWidth="1"/>
    <col min="11009" max="11255" width="9" style="59"/>
    <col min="11256" max="11256" width="2.625" style="59" customWidth="1"/>
    <col min="11257" max="11257" width="31.625" style="59" customWidth="1"/>
    <col min="11258" max="11258" width="10.125" style="59" customWidth="1"/>
    <col min="11259" max="11263" width="17.375" style="59" customWidth="1"/>
    <col min="11264" max="11264" width="2.625" style="59" customWidth="1"/>
    <col min="11265" max="11511" width="9" style="59"/>
    <col min="11512" max="11512" width="2.625" style="59" customWidth="1"/>
    <col min="11513" max="11513" width="31.625" style="59" customWidth="1"/>
    <col min="11514" max="11514" width="10.125" style="59" customWidth="1"/>
    <col min="11515" max="11519" width="17.375" style="59" customWidth="1"/>
    <col min="11520" max="11520" width="2.625" style="59" customWidth="1"/>
    <col min="11521" max="11767" width="9" style="59"/>
    <col min="11768" max="11768" width="2.625" style="59" customWidth="1"/>
    <col min="11769" max="11769" width="31.625" style="59" customWidth="1"/>
    <col min="11770" max="11770" width="10.125" style="59" customWidth="1"/>
    <col min="11771" max="11775" width="17.375" style="59" customWidth="1"/>
    <col min="11776" max="11776" width="2.625" style="59" customWidth="1"/>
    <col min="11777" max="12023" width="9" style="59"/>
    <col min="12024" max="12024" width="2.625" style="59" customWidth="1"/>
    <col min="12025" max="12025" width="31.625" style="59" customWidth="1"/>
    <col min="12026" max="12026" width="10.125" style="59" customWidth="1"/>
    <col min="12027" max="12031" width="17.375" style="59" customWidth="1"/>
    <col min="12032" max="12032" width="2.625" style="59" customWidth="1"/>
    <col min="12033" max="12279" width="9" style="59"/>
    <col min="12280" max="12280" width="2.625" style="59" customWidth="1"/>
    <col min="12281" max="12281" width="31.625" style="59" customWidth="1"/>
    <col min="12282" max="12282" width="10.125" style="59" customWidth="1"/>
    <col min="12283" max="12287" width="17.375" style="59" customWidth="1"/>
    <col min="12288" max="12288" width="2.625" style="59" customWidth="1"/>
    <col min="12289" max="12535" width="9" style="59"/>
    <col min="12536" max="12536" width="2.625" style="59" customWidth="1"/>
    <col min="12537" max="12537" width="31.625" style="59" customWidth="1"/>
    <col min="12538" max="12538" width="10.125" style="59" customWidth="1"/>
    <col min="12539" max="12543" width="17.375" style="59" customWidth="1"/>
    <col min="12544" max="12544" width="2.625" style="59" customWidth="1"/>
    <col min="12545" max="12791" width="9" style="59"/>
    <col min="12792" max="12792" width="2.625" style="59" customWidth="1"/>
    <col min="12793" max="12793" width="31.625" style="59" customWidth="1"/>
    <col min="12794" max="12794" width="10.125" style="59" customWidth="1"/>
    <col min="12795" max="12799" width="17.375" style="59" customWidth="1"/>
    <col min="12800" max="12800" width="2.625" style="59" customWidth="1"/>
    <col min="12801" max="13047" width="9" style="59"/>
    <col min="13048" max="13048" width="2.625" style="59" customWidth="1"/>
    <col min="13049" max="13049" width="31.625" style="59" customWidth="1"/>
    <col min="13050" max="13050" width="10.125" style="59" customWidth="1"/>
    <col min="13051" max="13055" width="17.375" style="59" customWidth="1"/>
    <col min="13056" max="13056" width="2.625" style="59" customWidth="1"/>
    <col min="13057" max="13303" width="9" style="59"/>
    <col min="13304" max="13304" width="2.625" style="59" customWidth="1"/>
    <col min="13305" max="13305" width="31.625" style="59" customWidth="1"/>
    <col min="13306" max="13306" width="10.125" style="59" customWidth="1"/>
    <col min="13307" max="13311" width="17.375" style="59" customWidth="1"/>
    <col min="13312" max="13312" width="2.625" style="59" customWidth="1"/>
    <col min="13313" max="13559" width="9" style="59"/>
    <col min="13560" max="13560" width="2.625" style="59" customWidth="1"/>
    <col min="13561" max="13561" width="31.625" style="59" customWidth="1"/>
    <col min="13562" max="13562" width="10.125" style="59" customWidth="1"/>
    <col min="13563" max="13567" width="17.375" style="59" customWidth="1"/>
    <col min="13568" max="13568" width="2.625" style="59" customWidth="1"/>
    <col min="13569" max="13815" width="9" style="59"/>
    <col min="13816" max="13816" width="2.625" style="59" customWidth="1"/>
    <col min="13817" max="13817" width="31.625" style="59" customWidth="1"/>
    <col min="13818" max="13818" width="10.125" style="59" customWidth="1"/>
    <col min="13819" max="13823" width="17.375" style="59" customWidth="1"/>
    <col min="13824" max="13824" width="2.625" style="59" customWidth="1"/>
    <col min="13825" max="14071" width="9" style="59"/>
    <col min="14072" max="14072" width="2.625" style="59" customWidth="1"/>
    <col min="14073" max="14073" width="31.625" style="59" customWidth="1"/>
    <col min="14074" max="14074" width="10.125" style="59" customWidth="1"/>
    <col min="14075" max="14079" width="17.375" style="59" customWidth="1"/>
    <col min="14080" max="14080" width="2.625" style="59" customWidth="1"/>
    <col min="14081" max="14327" width="9" style="59"/>
    <col min="14328" max="14328" width="2.625" style="59" customWidth="1"/>
    <col min="14329" max="14329" width="31.625" style="59" customWidth="1"/>
    <col min="14330" max="14330" width="10.125" style="59" customWidth="1"/>
    <col min="14331" max="14335" width="17.375" style="59" customWidth="1"/>
    <col min="14336" max="14336" width="2.625" style="59" customWidth="1"/>
    <col min="14337" max="14583" width="9" style="59"/>
    <col min="14584" max="14584" width="2.625" style="59" customWidth="1"/>
    <col min="14585" max="14585" width="31.625" style="59" customWidth="1"/>
    <col min="14586" max="14586" width="10.125" style="59" customWidth="1"/>
    <col min="14587" max="14591" width="17.375" style="59" customWidth="1"/>
    <col min="14592" max="14592" width="2.625" style="59" customWidth="1"/>
    <col min="14593" max="14839" width="9" style="59"/>
    <col min="14840" max="14840" width="2.625" style="59" customWidth="1"/>
    <col min="14841" max="14841" width="31.625" style="59" customWidth="1"/>
    <col min="14842" max="14842" width="10.125" style="59" customWidth="1"/>
    <col min="14843" max="14847" width="17.375" style="59" customWidth="1"/>
    <col min="14848" max="14848" width="2.625" style="59" customWidth="1"/>
    <col min="14849" max="15095" width="9" style="59"/>
    <col min="15096" max="15096" width="2.625" style="59" customWidth="1"/>
    <col min="15097" max="15097" width="31.625" style="59" customWidth="1"/>
    <col min="15098" max="15098" width="10.125" style="59" customWidth="1"/>
    <col min="15099" max="15103" width="17.375" style="59" customWidth="1"/>
    <col min="15104" max="15104" width="2.625" style="59" customWidth="1"/>
    <col min="15105" max="15351" width="9" style="59"/>
    <col min="15352" max="15352" width="2.625" style="59" customWidth="1"/>
    <col min="15353" max="15353" width="31.625" style="59" customWidth="1"/>
    <col min="15354" max="15354" width="10.125" style="59" customWidth="1"/>
    <col min="15355" max="15359" width="17.375" style="59" customWidth="1"/>
    <col min="15360" max="15360" width="2.625" style="59" customWidth="1"/>
    <col min="15361" max="15607" width="9" style="59"/>
    <col min="15608" max="15608" width="2.625" style="59" customWidth="1"/>
    <col min="15609" max="15609" width="31.625" style="59" customWidth="1"/>
    <col min="15610" max="15610" width="10.125" style="59" customWidth="1"/>
    <col min="15611" max="15615" width="17.375" style="59" customWidth="1"/>
    <col min="15616" max="15616" width="2.625" style="59" customWidth="1"/>
    <col min="15617" max="15863" width="9" style="59"/>
    <col min="15864" max="15864" width="2.625" style="59" customWidth="1"/>
    <col min="15865" max="15865" width="31.625" style="59" customWidth="1"/>
    <col min="15866" max="15866" width="10.125" style="59" customWidth="1"/>
    <col min="15867" max="15871" width="17.375" style="59" customWidth="1"/>
    <col min="15872" max="15872" width="2.625" style="59" customWidth="1"/>
    <col min="15873" max="16119" width="9" style="59"/>
    <col min="16120" max="16120" width="2.625" style="59" customWidth="1"/>
    <col min="16121" max="16121" width="31.625" style="59" customWidth="1"/>
    <col min="16122" max="16122" width="10.125" style="59" customWidth="1"/>
    <col min="16123" max="16127" width="17.375" style="59" customWidth="1"/>
    <col min="16128" max="16128" width="2.625" style="59" customWidth="1"/>
    <col min="16129" max="16384" width="9" style="59"/>
  </cols>
  <sheetData>
    <row r="1" spans="1:11" s="73" customFormat="1" ht="18.75" customHeight="1" x14ac:dyDescent="0.15">
      <c r="A1" s="302" t="s">
        <v>293</v>
      </c>
      <c r="B1" s="69"/>
      <c r="C1" s="70"/>
      <c r="D1" s="67"/>
      <c r="E1" s="67"/>
      <c r="F1" s="201"/>
      <c r="G1" s="233"/>
      <c r="H1" s="236"/>
    </row>
    <row r="2" spans="1:11" ht="12" customHeight="1" x14ac:dyDescent="0.15">
      <c r="B2" s="60"/>
      <c r="D2" s="68"/>
      <c r="E2" s="68"/>
      <c r="F2" s="68"/>
      <c r="G2" s="68"/>
      <c r="H2" s="237"/>
    </row>
    <row r="3" spans="1:11" ht="14.25" x14ac:dyDescent="0.15">
      <c r="A3" s="63"/>
      <c r="B3" s="115" t="s">
        <v>0</v>
      </c>
      <c r="C3" s="116"/>
      <c r="D3" s="117" t="s">
        <v>142</v>
      </c>
      <c r="E3" s="117" t="s">
        <v>143</v>
      </c>
      <c r="F3" s="117" t="s">
        <v>185</v>
      </c>
      <c r="G3" s="162" t="s">
        <v>209</v>
      </c>
      <c r="H3" s="226" t="s">
        <v>235</v>
      </c>
    </row>
    <row r="4" spans="1:11" x14ac:dyDescent="0.15">
      <c r="A4" s="63"/>
      <c r="B4" s="118" t="s">
        <v>1</v>
      </c>
      <c r="C4" s="119" t="s">
        <v>2</v>
      </c>
      <c r="D4" s="120">
        <v>2427271</v>
      </c>
      <c r="E4" s="120">
        <v>2394767</v>
      </c>
      <c r="F4" s="120">
        <v>2262284</v>
      </c>
      <c r="G4" s="120">
        <v>2425910</v>
      </c>
      <c r="H4" s="202">
        <v>2495588</v>
      </c>
    </row>
    <row r="5" spans="1:11" x14ac:dyDescent="0.15">
      <c r="A5" s="63"/>
      <c r="B5" s="118" t="s">
        <v>139</v>
      </c>
      <c r="C5" s="119" t="s">
        <v>2</v>
      </c>
      <c r="D5" s="120">
        <v>90125</v>
      </c>
      <c r="E5" s="120">
        <v>77388</v>
      </c>
      <c r="F5" s="120">
        <v>51464</v>
      </c>
      <c r="G5" s="120">
        <v>83112</v>
      </c>
      <c r="H5" s="202">
        <v>84716</v>
      </c>
      <c r="I5" s="143"/>
    </row>
    <row r="6" spans="1:11" x14ac:dyDescent="0.15">
      <c r="A6" s="63"/>
      <c r="B6" s="118" t="s">
        <v>118</v>
      </c>
      <c r="C6" s="119" t="s">
        <v>2</v>
      </c>
      <c r="D6" s="120">
        <v>70225</v>
      </c>
      <c r="E6" s="120">
        <v>64012</v>
      </c>
      <c r="F6" s="120">
        <v>13726</v>
      </c>
      <c r="G6" s="120">
        <v>53263</v>
      </c>
      <c r="H6" s="202">
        <v>73991</v>
      </c>
      <c r="K6" s="199"/>
    </row>
    <row r="7" spans="1:11" x14ac:dyDescent="0.15">
      <c r="A7" s="63"/>
      <c r="B7" s="118" t="s">
        <v>3</v>
      </c>
      <c r="C7" s="119" t="s">
        <v>42</v>
      </c>
      <c r="D7" s="121">
        <v>3.7</v>
      </c>
      <c r="E7" s="121">
        <v>3.2</v>
      </c>
      <c r="F7" s="121">
        <v>2.2999999999999998</v>
      </c>
      <c r="G7" s="121">
        <v>3.4</v>
      </c>
      <c r="H7" s="203">
        <v>3.4</v>
      </c>
      <c r="I7" s="199"/>
      <c r="J7" s="265"/>
      <c r="K7" s="199"/>
    </row>
    <row r="8" spans="1:11" x14ac:dyDescent="0.15">
      <c r="A8" s="63"/>
      <c r="B8" s="118" t="s">
        <v>4</v>
      </c>
      <c r="C8" s="119" t="s">
        <v>42</v>
      </c>
      <c r="D8" s="121">
        <v>2.9</v>
      </c>
      <c r="E8" s="121">
        <v>2.7</v>
      </c>
      <c r="F8" s="121">
        <v>0.6</v>
      </c>
      <c r="G8" s="121">
        <v>2.2000000000000002</v>
      </c>
      <c r="H8" s="203">
        <v>3</v>
      </c>
      <c r="I8" s="199"/>
      <c r="J8" s="199"/>
    </row>
    <row r="9" spans="1:11" x14ac:dyDescent="0.15">
      <c r="A9" s="63"/>
      <c r="B9" s="118" t="s">
        <v>5</v>
      </c>
      <c r="C9" s="119" t="s">
        <v>42</v>
      </c>
      <c r="D9" s="121">
        <v>20.9</v>
      </c>
      <c r="E9" s="121">
        <v>17.8</v>
      </c>
      <c r="F9" s="121">
        <v>4.5999999999999996</v>
      </c>
      <c r="G9" s="121">
        <v>17.600000000000001</v>
      </c>
      <c r="H9" s="203">
        <v>18.399999999999999</v>
      </c>
    </row>
    <row r="10" spans="1:11" x14ac:dyDescent="0.15">
      <c r="A10" s="63"/>
      <c r="B10" s="122" t="s">
        <v>6</v>
      </c>
      <c r="C10" s="123" t="s">
        <v>42</v>
      </c>
      <c r="D10" s="124">
        <v>3.8</v>
      </c>
      <c r="E10" s="124">
        <v>3.4</v>
      </c>
      <c r="F10" s="124">
        <v>0.7</v>
      </c>
      <c r="G10" s="124">
        <v>2.8</v>
      </c>
      <c r="H10" s="204">
        <v>3.8</v>
      </c>
    </row>
    <row r="11" spans="1:11" x14ac:dyDescent="0.15">
      <c r="B11" s="64" t="s">
        <v>126</v>
      </c>
      <c r="C11" s="65"/>
      <c r="D11" s="65"/>
      <c r="E11" s="65"/>
      <c r="F11" s="65"/>
      <c r="G11" s="65"/>
      <c r="H11" s="65"/>
    </row>
    <row r="12" spans="1:11" x14ac:dyDescent="0.15">
      <c r="B12" s="64" t="s">
        <v>127</v>
      </c>
      <c r="C12" s="65"/>
      <c r="D12" s="65"/>
      <c r="E12" s="65"/>
      <c r="F12" s="65"/>
      <c r="G12" s="65"/>
      <c r="H12" s="65"/>
    </row>
    <row r="13" spans="1:11" x14ac:dyDescent="0.15">
      <c r="B13" s="62" t="s">
        <v>128</v>
      </c>
      <c r="F13" s="63"/>
      <c r="G13" s="63"/>
    </row>
    <row r="14" spans="1:11" x14ac:dyDescent="0.15">
      <c r="F14" s="63"/>
      <c r="G14" s="63"/>
    </row>
    <row r="15" spans="1:11" ht="14.25" x14ac:dyDescent="0.15">
      <c r="A15" s="63"/>
      <c r="B15" s="115" t="s">
        <v>7</v>
      </c>
      <c r="C15" s="116"/>
      <c r="D15" s="117" t="s">
        <v>142</v>
      </c>
      <c r="E15" s="200" t="s">
        <v>143</v>
      </c>
      <c r="F15" s="162" t="s">
        <v>185</v>
      </c>
      <c r="G15" s="162" t="s">
        <v>209</v>
      </c>
      <c r="H15" s="226" t="s">
        <v>235</v>
      </c>
    </row>
    <row r="16" spans="1:11" ht="12.75" customHeight="1" x14ac:dyDescent="0.15">
      <c r="A16" s="63"/>
      <c r="B16" s="118" t="s">
        <v>8</v>
      </c>
      <c r="C16" s="119" t="s">
        <v>2</v>
      </c>
      <c r="D16" s="88">
        <v>1908461</v>
      </c>
      <c r="E16" s="88">
        <v>1848551</v>
      </c>
      <c r="F16" s="163">
        <v>1811907</v>
      </c>
      <c r="G16" s="155">
        <v>1927226</v>
      </c>
      <c r="H16" s="164">
        <v>1956288</v>
      </c>
    </row>
    <row r="17" spans="1:8" x14ac:dyDescent="0.15">
      <c r="A17" s="63"/>
      <c r="B17" s="118" t="s">
        <v>9</v>
      </c>
      <c r="C17" s="119" t="s">
        <v>2</v>
      </c>
      <c r="D17" s="88">
        <v>1506748</v>
      </c>
      <c r="E17" s="88">
        <v>1491220</v>
      </c>
      <c r="F17" s="88">
        <v>1540948</v>
      </c>
      <c r="G17" s="88">
        <v>1563087</v>
      </c>
      <c r="H17" s="230">
        <v>1487018</v>
      </c>
    </row>
    <row r="18" spans="1:8" x14ac:dyDescent="0.15">
      <c r="A18" s="63"/>
      <c r="B18" s="118" t="s">
        <v>10</v>
      </c>
      <c r="C18" s="119" t="s">
        <v>2</v>
      </c>
      <c r="D18" s="120">
        <v>401713</v>
      </c>
      <c r="E18" s="120">
        <v>357331</v>
      </c>
      <c r="F18" s="120">
        <v>270959</v>
      </c>
      <c r="G18" s="120">
        <v>364139</v>
      </c>
      <c r="H18" s="202">
        <v>469269</v>
      </c>
    </row>
    <row r="19" spans="1:8" x14ac:dyDescent="0.15">
      <c r="A19" s="63"/>
      <c r="B19" s="118" t="s">
        <v>11</v>
      </c>
      <c r="C19" s="119" t="s">
        <v>2</v>
      </c>
      <c r="D19" s="120">
        <v>378340</v>
      </c>
      <c r="E19" s="120">
        <v>341452</v>
      </c>
      <c r="F19" s="120">
        <v>256273</v>
      </c>
      <c r="G19" s="120">
        <v>350348</v>
      </c>
      <c r="H19" s="202">
        <v>454268</v>
      </c>
    </row>
    <row r="20" spans="1:8" x14ac:dyDescent="0.15">
      <c r="A20" s="63"/>
      <c r="B20" s="118" t="s">
        <v>12</v>
      </c>
      <c r="C20" s="119" t="s">
        <v>2</v>
      </c>
      <c r="D20" s="88">
        <v>637783</v>
      </c>
      <c r="E20" s="88">
        <v>667208</v>
      </c>
      <c r="F20" s="88">
        <v>793205</v>
      </c>
      <c r="G20" s="88">
        <v>740818</v>
      </c>
      <c r="H20" s="230">
        <v>640714</v>
      </c>
    </row>
    <row r="21" spans="1:8" x14ac:dyDescent="0.15">
      <c r="A21" s="63"/>
      <c r="B21" s="118" t="s">
        <v>230</v>
      </c>
      <c r="C21" s="119" t="s">
        <v>2</v>
      </c>
      <c r="D21" s="88">
        <v>215480</v>
      </c>
      <c r="E21" s="88">
        <v>400560</v>
      </c>
      <c r="F21" s="88">
        <v>568156</v>
      </c>
      <c r="G21" s="88">
        <v>398901</v>
      </c>
      <c r="H21" s="230">
        <v>353353</v>
      </c>
    </row>
    <row r="22" spans="1:8" x14ac:dyDescent="0.15">
      <c r="A22" s="63"/>
      <c r="B22" s="118" t="s">
        <v>276</v>
      </c>
      <c r="C22" s="119" t="s">
        <v>2</v>
      </c>
      <c r="D22" s="88">
        <v>219714</v>
      </c>
      <c r="E22" s="88">
        <v>241481</v>
      </c>
      <c r="F22" s="88">
        <v>292840</v>
      </c>
      <c r="G22" s="88">
        <v>263066</v>
      </c>
      <c r="H22" s="230">
        <v>310283</v>
      </c>
    </row>
    <row r="23" spans="1:8" x14ac:dyDescent="0.15">
      <c r="A23" s="63"/>
      <c r="B23" s="118" t="s">
        <v>114</v>
      </c>
      <c r="C23" s="119" t="s">
        <v>42</v>
      </c>
      <c r="D23" s="121">
        <v>19.8</v>
      </c>
      <c r="E23" s="121">
        <v>18.5</v>
      </c>
      <c r="F23" s="121">
        <v>14.1</v>
      </c>
      <c r="G23" s="121">
        <v>18.2</v>
      </c>
      <c r="H23" s="203">
        <v>23.2</v>
      </c>
    </row>
    <row r="24" spans="1:8" x14ac:dyDescent="0.15">
      <c r="A24" s="63"/>
      <c r="B24" s="118" t="s">
        <v>227</v>
      </c>
      <c r="C24" s="119" t="s">
        <v>13</v>
      </c>
      <c r="D24" s="121">
        <v>1.7</v>
      </c>
      <c r="E24" s="121">
        <v>2</v>
      </c>
      <c r="F24" s="121">
        <v>3.1</v>
      </c>
      <c r="G24" s="121">
        <v>2.1</v>
      </c>
      <c r="H24" s="203">
        <v>1.4</v>
      </c>
    </row>
    <row r="25" spans="1:8" x14ac:dyDescent="0.15">
      <c r="A25" s="63"/>
      <c r="B25" s="122" t="s">
        <v>228</v>
      </c>
      <c r="C25" s="123" t="s">
        <v>13</v>
      </c>
      <c r="D25" s="126">
        <v>0.6</v>
      </c>
      <c r="E25" s="126">
        <v>1.2</v>
      </c>
      <c r="F25" s="126">
        <v>2.2000000000000002</v>
      </c>
      <c r="G25" s="126">
        <v>1.1000000000000001</v>
      </c>
      <c r="H25" s="127">
        <v>0.78</v>
      </c>
    </row>
    <row r="26" spans="1:8" x14ac:dyDescent="0.15">
      <c r="B26" s="64" t="s">
        <v>129</v>
      </c>
      <c r="C26" s="65"/>
      <c r="D26" s="65"/>
      <c r="E26" s="65"/>
      <c r="F26" s="65"/>
      <c r="G26" s="65"/>
      <c r="H26" s="65"/>
    </row>
    <row r="27" spans="1:8" x14ac:dyDescent="0.15">
      <c r="B27" s="62" t="s">
        <v>182</v>
      </c>
      <c r="G27" s="63"/>
    </row>
    <row r="28" spans="1:8" x14ac:dyDescent="0.15">
      <c r="B28" s="62" t="s">
        <v>229</v>
      </c>
      <c r="G28" s="63"/>
    </row>
    <row r="29" spans="1:8" x14ac:dyDescent="0.15">
      <c r="G29" s="63"/>
    </row>
    <row r="30" spans="1:8" ht="14.25" x14ac:dyDescent="0.15">
      <c r="A30" s="63"/>
      <c r="B30" s="115" t="s">
        <v>105</v>
      </c>
      <c r="C30" s="116"/>
      <c r="D30" s="117" t="s">
        <v>142</v>
      </c>
      <c r="E30" s="117" t="s">
        <v>143</v>
      </c>
      <c r="F30" s="162" t="s">
        <v>185</v>
      </c>
      <c r="G30" s="162" t="s">
        <v>209</v>
      </c>
      <c r="H30" s="226" t="s">
        <v>235</v>
      </c>
    </row>
    <row r="31" spans="1:8" x14ac:dyDescent="0.15">
      <c r="A31" s="63"/>
      <c r="B31" s="118" t="s">
        <v>14</v>
      </c>
      <c r="C31" s="119" t="s">
        <v>2</v>
      </c>
      <c r="D31" s="120">
        <v>105270</v>
      </c>
      <c r="E31" s="120">
        <v>78305</v>
      </c>
      <c r="F31" s="92">
        <v>68453</v>
      </c>
      <c r="G31" s="92">
        <v>204642</v>
      </c>
      <c r="H31" s="238">
        <v>75157</v>
      </c>
    </row>
    <row r="32" spans="1:8" x14ac:dyDescent="0.15">
      <c r="A32" s="63"/>
      <c r="B32" s="118" t="s">
        <v>15</v>
      </c>
      <c r="C32" s="119" t="s">
        <v>2</v>
      </c>
      <c r="D32" s="120" t="s">
        <v>144</v>
      </c>
      <c r="E32" s="120" t="s">
        <v>223</v>
      </c>
      <c r="F32" s="92" t="s">
        <v>224</v>
      </c>
      <c r="G32" s="92" t="s">
        <v>210</v>
      </c>
      <c r="H32" s="238" t="s">
        <v>240</v>
      </c>
    </row>
    <row r="33" spans="1:8" x14ac:dyDescent="0.15">
      <c r="A33" s="63"/>
      <c r="B33" s="118" t="s">
        <v>16</v>
      </c>
      <c r="C33" s="119" t="s">
        <v>2</v>
      </c>
      <c r="D33" s="120" t="s">
        <v>145</v>
      </c>
      <c r="E33" s="120" t="s">
        <v>146</v>
      </c>
      <c r="F33" s="92">
        <v>4560</v>
      </c>
      <c r="G33" s="92" t="s">
        <v>222</v>
      </c>
      <c r="H33" s="238" t="s">
        <v>258</v>
      </c>
    </row>
    <row r="34" spans="1:8" x14ac:dyDescent="0.15">
      <c r="A34" s="63"/>
      <c r="B34" s="118" t="s">
        <v>17</v>
      </c>
      <c r="C34" s="119" t="s">
        <v>2</v>
      </c>
      <c r="D34" s="120">
        <v>404001</v>
      </c>
      <c r="E34" s="120">
        <v>228798</v>
      </c>
      <c r="F34" s="92">
        <v>170323</v>
      </c>
      <c r="G34" s="92">
        <v>292792</v>
      </c>
      <c r="H34" s="238">
        <v>239359</v>
      </c>
    </row>
    <row r="35" spans="1:8" x14ac:dyDescent="0.15">
      <c r="A35" s="63"/>
      <c r="B35" s="122" t="s">
        <v>117</v>
      </c>
      <c r="C35" s="123" t="s">
        <v>2</v>
      </c>
      <c r="D35" s="128" t="s">
        <v>147</v>
      </c>
      <c r="E35" s="128" t="s">
        <v>188</v>
      </c>
      <c r="F35" s="205" t="s">
        <v>189</v>
      </c>
      <c r="G35" s="205">
        <v>190528</v>
      </c>
      <c r="H35" s="129">
        <v>43709</v>
      </c>
    </row>
    <row r="36" spans="1:8" x14ac:dyDescent="0.15">
      <c r="B36" s="64" t="s">
        <v>116</v>
      </c>
      <c r="C36" s="65"/>
      <c r="D36" s="65"/>
      <c r="E36" s="90"/>
      <c r="F36" s="206"/>
      <c r="G36" s="206"/>
      <c r="H36" s="206"/>
    </row>
    <row r="37" spans="1:8" x14ac:dyDescent="0.15">
      <c r="B37" s="229"/>
      <c r="C37" s="65"/>
      <c r="D37" s="65"/>
      <c r="E37" s="90"/>
      <c r="F37" s="206"/>
      <c r="G37" s="206"/>
      <c r="H37" s="206"/>
    </row>
    <row r="38" spans="1:8" ht="14.25" x14ac:dyDescent="0.15">
      <c r="A38" s="63"/>
      <c r="B38" s="115" t="s">
        <v>18</v>
      </c>
      <c r="C38" s="116"/>
      <c r="D38" s="117" t="s">
        <v>142</v>
      </c>
      <c r="E38" s="117" t="s">
        <v>143</v>
      </c>
      <c r="F38" s="162" t="s">
        <v>185</v>
      </c>
      <c r="G38" s="162" t="s">
        <v>209</v>
      </c>
      <c r="H38" s="226" t="s">
        <v>235</v>
      </c>
    </row>
    <row r="39" spans="1:8" x14ac:dyDescent="0.15">
      <c r="A39" s="63"/>
      <c r="B39" s="118" t="s">
        <v>19</v>
      </c>
      <c r="C39" s="119" t="s">
        <v>2</v>
      </c>
      <c r="D39" s="88">
        <v>119356</v>
      </c>
      <c r="E39" s="88">
        <v>56461</v>
      </c>
      <c r="F39" s="163">
        <v>60583</v>
      </c>
      <c r="G39" s="155">
        <v>91572</v>
      </c>
      <c r="H39" s="164">
        <v>51719</v>
      </c>
    </row>
    <row r="40" spans="1:8" x14ac:dyDescent="0.15">
      <c r="A40" s="63"/>
      <c r="B40" s="118" t="s">
        <v>20</v>
      </c>
      <c r="C40" s="119" t="s">
        <v>2</v>
      </c>
      <c r="D40" s="88">
        <v>68414</v>
      </c>
      <c r="E40" s="88">
        <v>71900</v>
      </c>
      <c r="F40" s="88">
        <v>65033</v>
      </c>
      <c r="G40" s="88">
        <v>63591</v>
      </c>
      <c r="H40" s="230">
        <v>65994</v>
      </c>
    </row>
    <row r="41" spans="1:8" x14ac:dyDescent="0.15">
      <c r="A41" s="63"/>
      <c r="B41" s="122" t="s">
        <v>21</v>
      </c>
      <c r="C41" s="123" t="s">
        <v>2</v>
      </c>
      <c r="D41" s="130">
        <v>100536</v>
      </c>
      <c r="E41" s="130">
        <v>108545</v>
      </c>
      <c r="F41" s="130">
        <v>100591</v>
      </c>
      <c r="G41" s="130">
        <v>86793</v>
      </c>
      <c r="H41" s="131">
        <v>86290</v>
      </c>
    </row>
    <row r="42" spans="1:8" ht="14.25" customHeight="1" x14ac:dyDescent="0.15">
      <c r="A42" s="63"/>
      <c r="B42" s="115" t="s">
        <v>22</v>
      </c>
      <c r="C42" s="116"/>
      <c r="D42" s="117" t="s">
        <v>142</v>
      </c>
      <c r="E42" s="117" t="s">
        <v>143</v>
      </c>
      <c r="F42" s="117" t="s">
        <v>185</v>
      </c>
      <c r="G42" s="162" t="s">
        <v>209</v>
      </c>
      <c r="H42" s="226" t="s">
        <v>235</v>
      </c>
    </row>
    <row r="43" spans="1:8" x14ac:dyDescent="0.15">
      <c r="A43" s="63"/>
      <c r="B43" s="118" t="s">
        <v>23</v>
      </c>
      <c r="C43" s="119" t="s">
        <v>24</v>
      </c>
      <c r="D43" s="132">
        <v>1.27</v>
      </c>
      <c r="E43" s="132">
        <v>1.3</v>
      </c>
      <c r="F43" s="132">
        <v>1.25</v>
      </c>
      <c r="G43" s="132">
        <v>1.26</v>
      </c>
      <c r="H43" s="207">
        <v>1.28</v>
      </c>
    </row>
    <row r="44" spans="1:8" x14ac:dyDescent="0.15">
      <c r="A44" s="63"/>
      <c r="B44" s="122" t="s">
        <v>277</v>
      </c>
      <c r="C44" s="123" t="s">
        <v>25</v>
      </c>
      <c r="D44" s="187">
        <v>1.0900000000000001</v>
      </c>
      <c r="E44" s="187">
        <v>1.21</v>
      </c>
      <c r="F44" s="187">
        <v>1.55</v>
      </c>
      <c r="G44" s="187">
        <v>1.3</v>
      </c>
      <c r="H44" s="208">
        <v>1.49</v>
      </c>
    </row>
    <row r="45" spans="1:8" x14ac:dyDescent="0.15">
      <c r="B45" s="64" t="s">
        <v>130</v>
      </c>
      <c r="C45" s="65"/>
      <c r="D45" s="65"/>
      <c r="E45" s="90"/>
      <c r="F45" s="65"/>
      <c r="G45" s="65"/>
      <c r="H45" s="65"/>
    </row>
    <row r="46" spans="1:8" x14ac:dyDescent="0.15">
      <c r="B46" s="62" t="s">
        <v>278</v>
      </c>
      <c r="E46" s="89"/>
      <c r="F46" s="63"/>
      <c r="G46" s="63"/>
    </row>
    <row r="47" spans="1:8" x14ac:dyDescent="0.15">
      <c r="E47" s="89"/>
      <c r="F47" s="63"/>
      <c r="G47" s="63"/>
    </row>
    <row r="48" spans="1:8" ht="14.25" x14ac:dyDescent="0.15">
      <c r="A48" s="63"/>
      <c r="B48" s="115" t="s">
        <v>26</v>
      </c>
      <c r="C48" s="116"/>
      <c r="D48" s="117" t="s">
        <v>142</v>
      </c>
      <c r="E48" s="117" t="s">
        <v>143</v>
      </c>
      <c r="F48" s="162" t="s">
        <v>185</v>
      </c>
      <c r="G48" s="162" t="s">
        <v>209</v>
      </c>
      <c r="H48" s="226" t="s">
        <v>235</v>
      </c>
    </row>
    <row r="49" spans="1:8" x14ac:dyDescent="0.15">
      <c r="A49" s="63"/>
      <c r="B49" s="118" t="s">
        <v>27</v>
      </c>
      <c r="C49" s="119" t="s">
        <v>28</v>
      </c>
      <c r="D49" s="88">
        <v>3180</v>
      </c>
      <c r="E49" s="155">
        <v>1218</v>
      </c>
      <c r="F49" s="163">
        <v>1135</v>
      </c>
      <c r="G49" s="155">
        <v>1910</v>
      </c>
      <c r="H49" s="164">
        <v>1149</v>
      </c>
    </row>
    <row r="50" spans="1:8" x14ac:dyDescent="0.15">
      <c r="A50" s="63"/>
      <c r="B50" s="118" t="s">
        <v>131</v>
      </c>
      <c r="C50" s="119" t="s">
        <v>115</v>
      </c>
      <c r="D50" s="88">
        <v>497249</v>
      </c>
      <c r="E50" s="88">
        <v>531311</v>
      </c>
      <c r="F50" s="88">
        <v>531307</v>
      </c>
      <c r="G50" s="235">
        <v>610801</v>
      </c>
      <c r="H50" s="239">
        <v>610821</v>
      </c>
    </row>
    <row r="51" spans="1:8" x14ac:dyDescent="0.15">
      <c r="A51" s="63"/>
      <c r="B51" s="118" t="s">
        <v>40</v>
      </c>
      <c r="C51" s="119" t="s">
        <v>28</v>
      </c>
      <c r="D51" s="88">
        <v>10</v>
      </c>
      <c r="E51" s="88">
        <v>20</v>
      </c>
      <c r="F51" s="88">
        <v>18</v>
      </c>
      <c r="G51" s="88">
        <v>30</v>
      </c>
      <c r="H51" s="230">
        <v>40</v>
      </c>
    </row>
    <row r="52" spans="1:8" x14ac:dyDescent="0.15">
      <c r="A52" s="63"/>
      <c r="B52" s="118" t="s">
        <v>29</v>
      </c>
      <c r="C52" s="119" t="s">
        <v>28</v>
      </c>
      <c r="D52" s="133">
        <v>267.48</v>
      </c>
      <c r="E52" s="133">
        <v>377.53</v>
      </c>
      <c r="F52" s="133">
        <v>419.54</v>
      </c>
      <c r="G52" s="133">
        <v>573.59</v>
      </c>
      <c r="H52" s="240">
        <v>743.7</v>
      </c>
    </row>
    <row r="53" spans="1:8" x14ac:dyDescent="0.15">
      <c r="A53" s="63"/>
      <c r="B53" s="118" t="s">
        <v>30</v>
      </c>
      <c r="C53" s="119" t="s">
        <v>28</v>
      </c>
      <c r="D53" s="133">
        <v>106.07</v>
      </c>
      <c r="E53" s="133">
        <v>100.08</v>
      </c>
      <c r="F53" s="133">
        <v>22.47</v>
      </c>
      <c r="G53" s="133">
        <v>87.2</v>
      </c>
      <c r="H53" s="240">
        <v>121.14</v>
      </c>
    </row>
    <row r="54" spans="1:8" x14ac:dyDescent="0.15">
      <c r="A54" s="63"/>
      <c r="B54" s="118" t="s">
        <v>183</v>
      </c>
      <c r="C54" s="119" t="s">
        <v>13</v>
      </c>
      <c r="D54" s="125">
        <v>11.9</v>
      </c>
      <c r="E54" s="125">
        <v>3.2</v>
      </c>
      <c r="F54" s="125">
        <v>2.7</v>
      </c>
      <c r="G54" s="125">
        <v>3.3</v>
      </c>
      <c r="H54" s="241">
        <v>1.5</v>
      </c>
    </row>
    <row r="55" spans="1:8" x14ac:dyDescent="0.15">
      <c r="A55" s="63"/>
      <c r="B55" s="122" t="s">
        <v>184</v>
      </c>
      <c r="C55" s="123" t="s">
        <v>13</v>
      </c>
      <c r="D55" s="126">
        <v>30</v>
      </c>
      <c r="E55" s="126">
        <v>12.2</v>
      </c>
      <c r="F55" s="126">
        <v>50.5</v>
      </c>
      <c r="G55" s="126">
        <v>21.9</v>
      </c>
      <c r="H55" s="127">
        <v>9.5</v>
      </c>
    </row>
    <row r="56" spans="1:8" x14ac:dyDescent="0.15">
      <c r="A56" s="63"/>
      <c r="B56" s="64" t="s">
        <v>179</v>
      </c>
      <c r="C56" s="119"/>
      <c r="D56" s="125"/>
      <c r="E56" s="91"/>
      <c r="F56" s="125"/>
      <c r="G56" s="125"/>
      <c r="H56" s="125"/>
    </row>
    <row r="57" spans="1:8" x14ac:dyDescent="0.15">
      <c r="B57" s="64" t="s">
        <v>180</v>
      </c>
      <c r="C57" s="65"/>
      <c r="D57" s="65"/>
      <c r="E57" s="90"/>
      <c r="F57" s="65"/>
      <c r="G57" s="65"/>
      <c r="H57" s="65"/>
    </row>
    <row r="58" spans="1:8" x14ac:dyDescent="0.15">
      <c r="B58" s="231" t="s">
        <v>181</v>
      </c>
      <c r="E58" s="89"/>
      <c r="G58" s="63"/>
    </row>
    <row r="59" spans="1:8" x14ac:dyDescent="0.15">
      <c r="B59" s="78" t="s">
        <v>124</v>
      </c>
      <c r="E59" s="89"/>
      <c r="G59" s="63"/>
    </row>
    <row r="60" spans="1:8" x14ac:dyDescent="0.15">
      <c r="B60" s="231" t="s">
        <v>125</v>
      </c>
      <c r="E60" s="89"/>
      <c r="G60" s="63"/>
    </row>
    <row r="61" spans="1:8" ht="12" customHeight="1" x14ac:dyDescent="0.15">
      <c r="B61" s="232" t="s">
        <v>231</v>
      </c>
      <c r="E61" s="89"/>
      <c r="G61" s="63"/>
    </row>
    <row r="62" spans="1:8" x14ac:dyDescent="0.15">
      <c r="B62" s="64" t="s">
        <v>282</v>
      </c>
      <c r="E62" s="89"/>
      <c r="G62" s="63"/>
    </row>
    <row r="63" spans="1:8" x14ac:dyDescent="0.15">
      <c r="B63" s="64" t="s">
        <v>283</v>
      </c>
      <c r="E63" s="89"/>
      <c r="G63" s="63"/>
    </row>
    <row r="64" spans="1:8" ht="12" customHeight="1" x14ac:dyDescent="0.15">
      <c r="B64" s="316" t="s">
        <v>232</v>
      </c>
      <c r="C64" s="317"/>
      <c r="D64" s="317"/>
      <c r="E64" s="317"/>
      <c r="F64" s="317"/>
      <c r="G64" s="317"/>
      <c r="H64" s="317"/>
    </row>
    <row r="65" spans="1:8" x14ac:dyDescent="0.15">
      <c r="E65" s="89"/>
      <c r="G65" s="63"/>
    </row>
    <row r="66" spans="1:8" ht="14.25" x14ac:dyDescent="0.15">
      <c r="A66" s="63"/>
      <c r="B66" s="115" t="s">
        <v>110</v>
      </c>
      <c r="C66" s="116"/>
      <c r="D66" s="117" t="s">
        <v>142</v>
      </c>
      <c r="E66" s="117" t="s">
        <v>143</v>
      </c>
      <c r="F66" s="162" t="s">
        <v>185</v>
      </c>
      <c r="G66" s="162" t="s">
        <v>209</v>
      </c>
      <c r="H66" s="226" t="s">
        <v>235</v>
      </c>
    </row>
    <row r="67" spans="1:8" ht="12" hidden="1" customHeight="1" x14ac:dyDescent="0.15">
      <c r="A67" s="63"/>
      <c r="B67" s="118" t="s">
        <v>32</v>
      </c>
      <c r="C67" s="119" t="s">
        <v>2</v>
      </c>
      <c r="D67" s="80"/>
      <c r="E67" s="88"/>
      <c r="F67" s="88"/>
      <c r="G67" s="88"/>
      <c r="H67" s="230"/>
    </row>
    <row r="68" spans="1:8" ht="12" hidden="1" customHeight="1" x14ac:dyDescent="0.15">
      <c r="A68" s="63"/>
      <c r="B68" s="118" t="s">
        <v>33</v>
      </c>
      <c r="C68" s="119" t="s">
        <v>2</v>
      </c>
      <c r="D68" s="80"/>
      <c r="E68" s="88"/>
      <c r="F68" s="88"/>
      <c r="G68" s="88"/>
      <c r="H68" s="230"/>
    </row>
    <row r="69" spans="1:8" ht="12" hidden="1" customHeight="1" x14ac:dyDescent="0.15">
      <c r="A69" s="63"/>
      <c r="B69" s="118" t="s">
        <v>34</v>
      </c>
      <c r="C69" s="119" t="s">
        <v>2</v>
      </c>
      <c r="D69" s="80"/>
      <c r="E69" s="88"/>
      <c r="F69" s="88"/>
      <c r="G69" s="88"/>
      <c r="H69" s="230"/>
    </row>
    <row r="70" spans="1:8" ht="12" hidden="1" customHeight="1" x14ac:dyDescent="0.15">
      <c r="A70" s="63"/>
      <c r="B70" s="118" t="s">
        <v>35</v>
      </c>
      <c r="C70" s="119" t="s">
        <v>2</v>
      </c>
      <c r="D70" s="80"/>
      <c r="E70" s="88"/>
      <c r="F70" s="88"/>
      <c r="G70" s="88"/>
      <c r="H70" s="230"/>
    </row>
    <row r="71" spans="1:8" ht="12" hidden="1" customHeight="1" x14ac:dyDescent="0.15">
      <c r="A71" s="63"/>
      <c r="B71" s="118" t="s">
        <v>36</v>
      </c>
      <c r="C71" s="119" t="s">
        <v>2</v>
      </c>
      <c r="D71" s="80"/>
      <c r="E71" s="88"/>
      <c r="F71" s="88"/>
      <c r="G71" s="88"/>
      <c r="H71" s="230"/>
    </row>
    <row r="72" spans="1:8" ht="12" hidden="1" customHeight="1" x14ac:dyDescent="0.15">
      <c r="A72" s="63"/>
      <c r="B72" s="122" t="s">
        <v>37</v>
      </c>
      <c r="C72" s="123" t="s">
        <v>42</v>
      </c>
      <c r="D72" s="80"/>
      <c r="E72" s="126"/>
      <c r="F72" s="126"/>
      <c r="G72" s="126"/>
      <c r="H72" s="127"/>
    </row>
    <row r="73" spans="1:8" x14ac:dyDescent="0.15">
      <c r="A73" s="63"/>
      <c r="B73" s="118" t="s">
        <v>32</v>
      </c>
      <c r="C73" s="119" t="s">
        <v>2</v>
      </c>
      <c r="D73" s="159">
        <v>656144</v>
      </c>
      <c r="E73" s="88">
        <v>719395</v>
      </c>
      <c r="F73" s="88">
        <v>778976</v>
      </c>
      <c r="G73" s="88">
        <v>863154</v>
      </c>
      <c r="H73" s="230">
        <v>817794</v>
      </c>
    </row>
    <row r="74" spans="1:8" x14ac:dyDescent="0.15">
      <c r="A74" s="63"/>
      <c r="B74" s="118" t="s">
        <v>33</v>
      </c>
      <c r="C74" s="119" t="s">
        <v>2</v>
      </c>
      <c r="D74" s="88">
        <v>181412</v>
      </c>
      <c r="E74" s="88">
        <v>175106</v>
      </c>
      <c r="F74" s="88">
        <v>165981</v>
      </c>
      <c r="G74" s="88">
        <v>136810</v>
      </c>
      <c r="H74" s="230">
        <v>186813</v>
      </c>
    </row>
    <row r="75" spans="1:8" x14ac:dyDescent="0.15">
      <c r="A75" s="63"/>
      <c r="B75" s="118" t="s">
        <v>34</v>
      </c>
      <c r="C75" s="119" t="s">
        <v>2</v>
      </c>
      <c r="D75" s="88">
        <v>174194</v>
      </c>
      <c r="E75" s="88">
        <v>175126</v>
      </c>
      <c r="F75" s="88">
        <v>158793</v>
      </c>
      <c r="G75" s="88">
        <v>166623</v>
      </c>
      <c r="H75" s="230">
        <v>209412</v>
      </c>
    </row>
    <row r="76" spans="1:8" x14ac:dyDescent="0.15">
      <c r="A76" s="63"/>
      <c r="B76" s="118" t="s">
        <v>35</v>
      </c>
      <c r="C76" s="119" t="s">
        <v>2</v>
      </c>
      <c r="D76" s="88">
        <v>1157370</v>
      </c>
      <c r="E76" s="88">
        <v>1047431</v>
      </c>
      <c r="F76" s="88">
        <v>909810</v>
      </c>
      <c r="G76" s="88">
        <v>1014187</v>
      </c>
      <c r="H76" s="230">
        <v>1001698</v>
      </c>
    </row>
    <row r="77" spans="1:8" x14ac:dyDescent="0.15">
      <c r="A77" s="63"/>
      <c r="B77" s="118" t="s">
        <v>36</v>
      </c>
      <c r="C77" s="119" t="s">
        <v>2</v>
      </c>
      <c r="D77" s="88">
        <v>258149</v>
      </c>
      <c r="E77" s="88">
        <v>277708</v>
      </c>
      <c r="F77" s="88">
        <v>248722</v>
      </c>
      <c r="G77" s="88">
        <v>245134</v>
      </c>
      <c r="H77" s="230">
        <v>279869</v>
      </c>
    </row>
    <row r="78" spans="1:8" x14ac:dyDescent="0.15">
      <c r="A78" s="63"/>
      <c r="B78" s="122" t="s">
        <v>37</v>
      </c>
      <c r="C78" s="123" t="s">
        <v>42</v>
      </c>
      <c r="D78" s="126">
        <v>73</v>
      </c>
      <c r="E78" s="126">
        <v>70</v>
      </c>
      <c r="F78" s="126">
        <v>65.599999999999994</v>
      </c>
      <c r="G78" s="126">
        <v>64.400000000000006</v>
      </c>
      <c r="H78" s="127">
        <v>67.2</v>
      </c>
    </row>
    <row r="79" spans="1:8" x14ac:dyDescent="0.15">
      <c r="B79" s="64" t="s">
        <v>122</v>
      </c>
      <c r="C79" s="65"/>
      <c r="D79" s="65"/>
      <c r="E79" s="90"/>
      <c r="F79" s="65"/>
      <c r="G79" s="65"/>
      <c r="H79" s="65"/>
    </row>
    <row r="80" spans="1:8" x14ac:dyDescent="0.15">
      <c r="B80" s="62" t="s">
        <v>123</v>
      </c>
      <c r="E80" s="89"/>
      <c r="F80" s="63"/>
      <c r="G80" s="63"/>
    </row>
    <row r="81" spans="1:8" x14ac:dyDescent="0.15">
      <c r="B81" s="62"/>
      <c r="E81" s="89"/>
      <c r="F81" s="63"/>
      <c r="G81" s="63"/>
    </row>
    <row r="82" spans="1:8" ht="14.25" x14ac:dyDescent="0.15">
      <c r="A82" s="63"/>
      <c r="B82" s="115" t="s">
        <v>288</v>
      </c>
      <c r="C82" s="116"/>
      <c r="D82" s="117" t="s">
        <v>142</v>
      </c>
      <c r="E82" s="117" t="s">
        <v>143</v>
      </c>
      <c r="F82" s="162" t="s">
        <v>185</v>
      </c>
      <c r="G82" s="162" t="s">
        <v>209</v>
      </c>
      <c r="H82" s="226" t="s">
        <v>235</v>
      </c>
    </row>
    <row r="83" spans="1:8" x14ac:dyDescent="0.15">
      <c r="A83" s="63"/>
      <c r="B83" s="118" t="s">
        <v>38</v>
      </c>
      <c r="C83" s="119" t="s">
        <v>39</v>
      </c>
      <c r="D83" s="88">
        <v>47171</v>
      </c>
      <c r="E83" s="88">
        <v>54156</v>
      </c>
      <c r="F83" s="88">
        <v>52876</v>
      </c>
      <c r="G83" s="155">
        <v>50478</v>
      </c>
      <c r="H83" s="300">
        <v>47941</v>
      </c>
    </row>
    <row r="84" spans="1:8" x14ac:dyDescent="0.15">
      <c r="A84" s="63"/>
      <c r="B84" s="118" t="s">
        <v>285</v>
      </c>
      <c r="C84" s="119" t="s">
        <v>286</v>
      </c>
      <c r="D84" s="132">
        <v>2.4700000000000002</v>
      </c>
      <c r="E84" s="132">
        <v>2.4500000000000002</v>
      </c>
      <c r="F84" s="132">
        <v>2.4300000000000002</v>
      </c>
      <c r="G84" s="132">
        <v>2.46</v>
      </c>
      <c r="H84" s="303">
        <v>2.46</v>
      </c>
    </row>
    <row r="85" spans="1:8" x14ac:dyDescent="0.15">
      <c r="A85" s="63"/>
      <c r="B85" s="122" t="s">
        <v>287</v>
      </c>
      <c r="C85" s="304" t="s">
        <v>294</v>
      </c>
      <c r="D85" s="305">
        <v>940</v>
      </c>
      <c r="E85" s="305">
        <v>1077</v>
      </c>
      <c r="F85" s="305">
        <v>974</v>
      </c>
      <c r="G85" s="305">
        <v>951</v>
      </c>
      <c r="H85" s="306">
        <v>985</v>
      </c>
    </row>
    <row r="86" spans="1:8" x14ac:dyDescent="0.15">
      <c r="B86" s="301" t="s">
        <v>295</v>
      </c>
      <c r="C86" s="65"/>
      <c r="D86" s="65"/>
      <c r="E86" s="65"/>
      <c r="F86" s="65"/>
      <c r="G86" s="65"/>
      <c r="H86" s="65"/>
    </row>
    <row r="87" spans="1:8" x14ac:dyDescent="0.15">
      <c r="B87" s="301" t="s">
        <v>296</v>
      </c>
      <c r="C87" s="65"/>
      <c r="D87" s="65"/>
      <c r="E87" s="65"/>
      <c r="F87" s="65"/>
      <c r="G87" s="65"/>
      <c r="H87" s="65"/>
    </row>
    <row r="88" spans="1:8" x14ac:dyDescent="0.15">
      <c r="B88" s="299"/>
      <c r="C88" s="65"/>
      <c r="D88" s="65"/>
      <c r="E88" s="65"/>
      <c r="F88" s="65"/>
      <c r="G88" s="65"/>
      <c r="H88" s="65"/>
    </row>
    <row r="89" spans="1:8" ht="27" x14ac:dyDescent="0.15">
      <c r="A89" s="63"/>
      <c r="B89" s="115" t="s">
        <v>121</v>
      </c>
      <c r="C89" s="116"/>
      <c r="D89" s="117" t="s">
        <v>142</v>
      </c>
      <c r="E89" s="117" t="s">
        <v>143</v>
      </c>
      <c r="F89" s="162" t="s">
        <v>185</v>
      </c>
      <c r="G89" s="162" t="s">
        <v>209</v>
      </c>
      <c r="H89" s="226" t="s">
        <v>239</v>
      </c>
    </row>
    <row r="90" spans="1:8" ht="13.5" x14ac:dyDescent="0.15">
      <c r="A90" s="63"/>
      <c r="B90" s="192" t="s">
        <v>275</v>
      </c>
      <c r="C90" s="119" t="s">
        <v>2</v>
      </c>
      <c r="D90" s="80" t="s">
        <v>31</v>
      </c>
      <c r="E90" s="80" t="s">
        <v>31</v>
      </c>
      <c r="F90" s="80" t="s">
        <v>31</v>
      </c>
      <c r="G90" s="217">
        <v>454510</v>
      </c>
      <c r="H90" s="270">
        <v>446039</v>
      </c>
    </row>
    <row r="91" spans="1:8" x14ac:dyDescent="0.15">
      <c r="A91" s="63"/>
      <c r="B91" s="192" t="s">
        <v>168</v>
      </c>
      <c r="C91" s="119" t="s">
        <v>2</v>
      </c>
      <c r="D91" s="217" t="s">
        <v>31</v>
      </c>
      <c r="E91" s="217" t="s">
        <v>31</v>
      </c>
      <c r="F91" s="217" t="s">
        <v>31</v>
      </c>
      <c r="G91" s="217">
        <v>484552</v>
      </c>
      <c r="H91" s="271">
        <v>557945</v>
      </c>
    </row>
    <row r="92" spans="1:8" x14ac:dyDescent="0.15">
      <c r="A92" s="63"/>
      <c r="B92" s="192" t="s">
        <v>173</v>
      </c>
      <c r="C92" s="119" t="s">
        <v>2</v>
      </c>
      <c r="D92" s="217" t="s">
        <v>31</v>
      </c>
      <c r="E92" s="217" t="s">
        <v>31</v>
      </c>
      <c r="F92" s="217" t="s">
        <v>31</v>
      </c>
      <c r="G92" s="217">
        <v>341776</v>
      </c>
      <c r="H92" s="271">
        <v>316807</v>
      </c>
    </row>
    <row r="93" spans="1:8" ht="13.5" x14ac:dyDescent="0.15">
      <c r="A93" s="63"/>
      <c r="B93" s="134" t="s">
        <v>254</v>
      </c>
      <c r="C93" s="119" t="s">
        <v>2</v>
      </c>
      <c r="D93" s="217" t="s">
        <v>31</v>
      </c>
      <c r="E93" s="217" t="s">
        <v>31</v>
      </c>
      <c r="F93" s="217" t="s">
        <v>31</v>
      </c>
      <c r="G93" s="217">
        <v>766537</v>
      </c>
      <c r="H93" s="271">
        <v>817082</v>
      </c>
    </row>
    <row r="94" spans="1:8" ht="13.5" x14ac:dyDescent="0.15">
      <c r="A94" s="63"/>
      <c r="B94" s="268" t="s">
        <v>255</v>
      </c>
      <c r="C94" s="135" t="s">
        <v>2</v>
      </c>
      <c r="D94" s="223" t="s">
        <v>31</v>
      </c>
      <c r="E94" s="223" t="s">
        <v>31</v>
      </c>
      <c r="F94" s="223" t="s">
        <v>31</v>
      </c>
      <c r="G94" s="269">
        <v>378534</v>
      </c>
      <c r="H94" s="272">
        <v>357713</v>
      </c>
    </row>
    <row r="95" spans="1:8" x14ac:dyDescent="0.15">
      <c r="A95" s="63"/>
      <c r="B95" s="173" t="s">
        <v>111</v>
      </c>
      <c r="C95" s="119" t="s">
        <v>2</v>
      </c>
      <c r="D95" s="217" t="s">
        <v>31</v>
      </c>
      <c r="E95" s="217" t="s">
        <v>31</v>
      </c>
      <c r="F95" s="217" t="s">
        <v>31</v>
      </c>
      <c r="G95" s="217">
        <v>2425910</v>
      </c>
      <c r="H95" s="270">
        <v>2495588</v>
      </c>
    </row>
    <row r="96" spans="1:8" ht="14.25" x14ac:dyDescent="0.15">
      <c r="A96" s="63"/>
      <c r="B96" s="134"/>
      <c r="C96" s="81"/>
      <c r="D96" s="80"/>
      <c r="E96" s="80"/>
      <c r="F96" s="80"/>
      <c r="G96" s="80"/>
      <c r="H96" s="267"/>
    </row>
    <row r="97" spans="1:8" x14ac:dyDescent="0.15">
      <c r="A97" s="63"/>
      <c r="B97" s="192" t="s">
        <v>169</v>
      </c>
      <c r="C97" s="119" t="s">
        <v>2</v>
      </c>
      <c r="D97" s="217" t="s">
        <v>31</v>
      </c>
      <c r="E97" s="217">
        <v>840907</v>
      </c>
      <c r="F97" s="217">
        <v>795646</v>
      </c>
      <c r="G97" s="217">
        <v>833044</v>
      </c>
      <c r="H97" s="292" t="s">
        <v>31</v>
      </c>
    </row>
    <row r="98" spans="1:8" x14ac:dyDescent="0.15">
      <c r="A98" s="63"/>
      <c r="B98" s="192" t="s">
        <v>168</v>
      </c>
      <c r="C98" s="119" t="s">
        <v>2</v>
      </c>
      <c r="D98" s="217" t="s">
        <v>31</v>
      </c>
      <c r="E98" s="217">
        <v>1290012</v>
      </c>
      <c r="F98" s="228">
        <v>1127921</v>
      </c>
      <c r="G98" s="217">
        <v>1251089</v>
      </c>
      <c r="H98" s="292" t="s">
        <v>31</v>
      </c>
    </row>
    <row r="99" spans="1:8" x14ac:dyDescent="0.15">
      <c r="A99" s="63"/>
      <c r="B99" s="192" t="s">
        <v>173</v>
      </c>
      <c r="C99" s="135" t="s">
        <v>2</v>
      </c>
      <c r="D99" s="217" t="s">
        <v>31</v>
      </c>
      <c r="E99" s="217">
        <v>263847</v>
      </c>
      <c r="F99" s="228">
        <v>338717</v>
      </c>
      <c r="G99" s="217">
        <v>341776</v>
      </c>
      <c r="H99" s="293" t="s">
        <v>31</v>
      </c>
    </row>
    <row r="100" spans="1:8" x14ac:dyDescent="0.15">
      <c r="A100" s="63"/>
      <c r="B100" s="173" t="s">
        <v>111</v>
      </c>
      <c r="C100" s="119" t="s">
        <v>2</v>
      </c>
      <c r="D100" s="219" t="s">
        <v>31</v>
      </c>
      <c r="E100" s="219">
        <v>2394767</v>
      </c>
      <c r="F100" s="219">
        <v>2262284</v>
      </c>
      <c r="G100" s="234">
        <v>2425910</v>
      </c>
      <c r="H100" s="294" t="s">
        <v>31</v>
      </c>
    </row>
    <row r="101" spans="1:8" ht="14.25" x14ac:dyDescent="0.15">
      <c r="A101" s="63"/>
      <c r="B101" s="134"/>
      <c r="C101" s="81"/>
      <c r="D101" s="217"/>
      <c r="E101" s="217"/>
      <c r="F101" s="217"/>
      <c r="G101" s="217"/>
      <c r="H101" s="218"/>
    </row>
    <row r="102" spans="1:8" x14ac:dyDescent="0.15">
      <c r="A102" s="63"/>
      <c r="B102" s="192" t="s">
        <v>135</v>
      </c>
      <c r="C102" s="119" t="s">
        <v>2</v>
      </c>
      <c r="D102" s="220">
        <v>595132</v>
      </c>
      <c r="E102" s="217">
        <v>681330</v>
      </c>
      <c r="F102" s="217" t="s">
        <v>31</v>
      </c>
      <c r="G102" s="217" t="s">
        <v>31</v>
      </c>
      <c r="H102" s="218" t="s">
        <v>31</v>
      </c>
    </row>
    <row r="103" spans="1:8" x14ac:dyDescent="0.15">
      <c r="A103" s="63"/>
      <c r="B103" s="192" t="s">
        <v>136</v>
      </c>
      <c r="C103" s="119" t="s">
        <v>2</v>
      </c>
      <c r="D103" s="220">
        <v>318074</v>
      </c>
      <c r="E103" s="217">
        <v>319215</v>
      </c>
      <c r="F103" s="217" t="s">
        <v>31</v>
      </c>
      <c r="G103" s="217" t="s">
        <v>31</v>
      </c>
      <c r="H103" s="218" t="s">
        <v>31</v>
      </c>
    </row>
    <row r="104" spans="1:8" x14ac:dyDescent="0.15">
      <c r="A104" s="63"/>
      <c r="B104" s="192" t="s">
        <v>137</v>
      </c>
      <c r="C104" s="119" t="s">
        <v>2</v>
      </c>
      <c r="D104" s="220">
        <v>462297</v>
      </c>
      <c r="E104" s="217">
        <v>433726</v>
      </c>
      <c r="F104" s="217" t="s">
        <v>31</v>
      </c>
      <c r="G104" s="217" t="s">
        <v>31</v>
      </c>
      <c r="H104" s="218" t="s">
        <v>31</v>
      </c>
    </row>
    <row r="105" spans="1:8" x14ac:dyDescent="0.15">
      <c r="A105" s="63"/>
      <c r="B105" s="193" t="s">
        <v>138</v>
      </c>
      <c r="C105" s="135" t="s">
        <v>2</v>
      </c>
      <c r="D105" s="222">
        <v>1051767</v>
      </c>
      <c r="E105" s="221">
        <v>960495</v>
      </c>
      <c r="F105" s="223" t="s">
        <v>31</v>
      </c>
      <c r="G105" s="223" t="s">
        <v>31</v>
      </c>
      <c r="H105" s="224" t="s">
        <v>31</v>
      </c>
    </row>
    <row r="106" spans="1:8" x14ac:dyDescent="0.15">
      <c r="A106" s="63"/>
      <c r="B106" s="192" t="s">
        <v>111</v>
      </c>
      <c r="C106" s="119" t="s">
        <v>2</v>
      </c>
      <c r="D106" s="220">
        <v>2427271</v>
      </c>
      <c r="E106" s="217">
        <v>2394767</v>
      </c>
      <c r="F106" s="217" t="s">
        <v>31</v>
      </c>
      <c r="G106" s="217" t="s">
        <v>31</v>
      </c>
      <c r="H106" s="218" t="s">
        <v>31</v>
      </c>
    </row>
    <row r="107" spans="1:8" x14ac:dyDescent="0.15">
      <c r="A107" s="63"/>
      <c r="B107" s="273"/>
      <c r="C107" s="123"/>
      <c r="D107" s="274"/>
      <c r="E107" s="269"/>
      <c r="F107" s="269"/>
      <c r="G107" s="269"/>
      <c r="H107" s="275"/>
    </row>
    <row r="108" spans="1:8" ht="12.75" customHeight="1" x14ac:dyDescent="0.15">
      <c r="B108" s="315" t="s">
        <v>170</v>
      </c>
      <c r="C108" s="315"/>
      <c r="D108" s="315"/>
      <c r="E108" s="315"/>
      <c r="F108" s="315"/>
      <c r="G108" s="315"/>
      <c r="H108" s="315"/>
    </row>
    <row r="109" spans="1:8" ht="12.75" customHeight="1" x14ac:dyDescent="0.15">
      <c r="B109" s="318" t="s">
        <v>259</v>
      </c>
      <c r="C109" s="318"/>
      <c r="D109" s="318"/>
      <c r="E109" s="318"/>
      <c r="F109" s="318"/>
      <c r="G109" s="318"/>
      <c r="H109" s="318"/>
    </row>
    <row r="110" spans="1:8" ht="12" customHeight="1" x14ac:dyDescent="0.15">
      <c r="B110" s="315"/>
      <c r="C110" s="315"/>
      <c r="D110" s="315"/>
      <c r="E110" s="315"/>
      <c r="F110" s="315"/>
      <c r="G110" s="315"/>
      <c r="H110" s="315"/>
    </row>
    <row r="111" spans="1:8" ht="12" customHeight="1" x14ac:dyDescent="0.15">
      <c r="B111" s="315"/>
      <c r="C111" s="315"/>
      <c r="D111" s="315"/>
      <c r="E111" s="315"/>
      <c r="F111" s="315"/>
      <c r="G111" s="315"/>
      <c r="H111" s="315"/>
    </row>
    <row r="114" spans="4:8" x14ac:dyDescent="0.15">
      <c r="D114" s="74"/>
      <c r="E114" s="74"/>
      <c r="F114" s="74"/>
      <c r="G114" s="74"/>
      <c r="H114" s="242"/>
    </row>
  </sheetData>
  <mergeCells count="5">
    <mergeCell ref="B110:H110"/>
    <mergeCell ref="B108:H108"/>
    <mergeCell ref="B64:H64"/>
    <mergeCell ref="B111:H111"/>
    <mergeCell ref="B109:H109"/>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2" manualBreakCount="2">
    <brk id="41" max="16383" man="1"/>
    <brk id="88"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T55"/>
  <sheetViews>
    <sheetView showGridLines="0" zoomScaleNormal="100" workbookViewId="0">
      <selection activeCell="A2" sqref="A2"/>
    </sheetView>
  </sheetViews>
  <sheetFormatPr defaultRowHeight="12" x14ac:dyDescent="0.15"/>
  <cols>
    <col min="1" max="1" width="2.625" style="99" customWidth="1"/>
    <col min="2" max="2" width="31.625" style="99" customWidth="1"/>
    <col min="3" max="3" width="10.125" style="99" customWidth="1"/>
    <col min="4" max="6" width="17.375" style="99" customWidth="1"/>
    <col min="7" max="7" width="17.25" style="99" customWidth="1"/>
    <col min="8" max="8" width="17.25" style="104" customWidth="1"/>
    <col min="9" max="9" width="5.875" style="99" hidden="1" customWidth="1"/>
    <col min="10" max="10" width="9" style="104" hidden="1" customWidth="1"/>
    <col min="11" max="16" width="15.125" style="104" hidden="1" customWidth="1"/>
    <col min="17" max="18" width="9" style="99" hidden="1" customWidth="1"/>
    <col min="19" max="19" width="0.25" style="99" hidden="1" customWidth="1"/>
    <col min="20" max="20" width="9" style="99" hidden="1" customWidth="1"/>
    <col min="21" max="36" width="9" style="99" customWidth="1"/>
    <col min="37" max="16384" width="9" style="99"/>
  </cols>
  <sheetData>
    <row r="1" spans="1:17" s="98" customFormat="1" ht="18.75" customHeight="1" x14ac:dyDescent="0.15">
      <c r="A1" s="93" t="s">
        <v>113</v>
      </c>
      <c r="B1" s="94"/>
      <c r="C1" s="95"/>
      <c r="D1" s="93"/>
      <c r="E1" s="93"/>
      <c r="F1" s="93"/>
      <c r="G1" s="96"/>
      <c r="H1" s="149" t="s">
        <v>98</v>
      </c>
      <c r="I1" s="93"/>
      <c r="J1" s="145"/>
      <c r="K1" s="146"/>
      <c r="L1" s="147"/>
      <c r="M1" s="148"/>
      <c r="N1" s="148"/>
      <c r="O1" s="148"/>
      <c r="P1" s="149"/>
      <c r="Q1" s="97"/>
    </row>
    <row r="2" spans="1:17" ht="15" customHeight="1" x14ac:dyDescent="0.15">
      <c r="B2" s="100"/>
      <c r="C2" s="101"/>
      <c r="D2" s="102" t="s">
        <v>142</v>
      </c>
      <c r="E2" s="102" t="s">
        <v>143</v>
      </c>
      <c r="F2" s="165" t="s">
        <v>185</v>
      </c>
      <c r="G2" s="162" t="s">
        <v>209</v>
      </c>
      <c r="H2" s="226" t="s">
        <v>236</v>
      </c>
      <c r="J2" s="150"/>
      <c r="K2" s="151"/>
      <c r="L2" s="152"/>
      <c r="M2" s="152"/>
      <c r="N2" s="152"/>
      <c r="O2" s="152"/>
      <c r="P2" s="152"/>
    </row>
    <row r="3" spans="1:17" ht="15" customHeight="1" x14ac:dyDescent="0.15">
      <c r="B3" s="276" t="s">
        <v>274</v>
      </c>
      <c r="C3" s="277"/>
      <c r="D3" s="278"/>
      <c r="E3" s="278"/>
      <c r="F3" s="278"/>
      <c r="G3" s="278"/>
      <c r="H3" s="279"/>
      <c r="J3" s="150"/>
      <c r="K3" s="151"/>
      <c r="L3" s="152"/>
      <c r="M3" s="152"/>
      <c r="N3" s="152"/>
      <c r="O3" s="152"/>
      <c r="P3" s="152"/>
    </row>
    <row r="4" spans="1:17" ht="15" customHeight="1" x14ac:dyDescent="0.15">
      <c r="B4" s="194" t="s">
        <v>269</v>
      </c>
      <c r="C4" s="138"/>
      <c r="D4" s="139" t="s">
        <v>31</v>
      </c>
      <c r="E4" s="139" t="s">
        <v>31</v>
      </c>
      <c r="F4" s="140" t="s">
        <v>31</v>
      </c>
      <c r="G4" s="140">
        <v>455543</v>
      </c>
      <c r="H4" s="209">
        <v>446192</v>
      </c>
      <c r="J4" s="150"/>
      <c r="K4" s="151"/>
      <c r="L4" s="152"/>
      <c r="M4" s="152"/>
      <c r="N4" s="152"/>
      <c r="O4" s="152"/>
      <c r="P4" s="152"/>
    </row>
    <row r="5" spans="1:17" ht="15" customHeight="1" x14ac:dyDescent="0.15">
      <c r="B5" s="194" t="s">
        <v>273</v>
      </c>
      <c r="C5" s="106"/>
      <c r="D5" s="107" t="s">
        <v>31</v>
      </c>
      <c r="E5" s="107" t="s">
        <v>31</v>
      </c>
      <c r="F5" s="227" t="s">
        <v>31</v>
      </c>
      <c r="G5" s="108">
        <v>493069</v>
      </c>
      <c r="H5" s="189">
        <v>567690</v>
      </c>
      <c r="J5" s="150"/>
      <c r="K5" s="151"/>
      <c r="L5" s="152"/>
      <c r="M5" s="152"/>
      <c r="N5" s="152"/>
      <c r="O5" s="152"/>
      <c r="P5" s="152"/>
    </row>
    <row r="6" spans="1:17" ht="15" customHeight="1" x14ac:dyDescent="0.15">
      <c r="B6" s="194" t="s">
        <v>268</v>
      </c>
      <c r="C6" s="106"/>
      <c r="D6" s="107" t="s">
        <v>31</v>
      </c>
      <c r="E6" s="107" t="s">
        <v>31</v>
      </c>
      <c r="F6" s="227" t="s">
        <v>31</v>
      </c>
      <c r="G6" s="108">
        <v>343477</v>
      </c>
      <c r="H6" s="189">
        <v>324017</v>
      </c>
      <c r="J6" s="150"/>
      <c r="K6" s="151"/>
      <c r="L6" s="152"/>
      <c r="M6" s="152"/>
      <c r="N6" s="152"/>
      <c r="O6" s="152"/>
      <c r="P6" s="152"/>
    </row>
    <row r="7" spans="1:17" ht="15" customHeight="1" x14ac:dyDescent="0.15">
      <c r="B7" s="194" t="s">
        <v>272</v>
      </c>
      <c r="C7" s="106"/>
      <c r="D7" s="107" t="s">
        <v>31</v>
      </c>
      <c r="E7" s="107" t="s">
        <v>31</v>
      </c>
      <c r="F7" s="227" t="s">
        <v>31</v>
      </c>
      <c r="G7" s="108">
        <v>812792</v>
      </c>
      <c r="H7" s="280">
        <v>859674</v>
      </c>
      <c r="J7" s="150"/>
      <c r="K7" s="151"/>
      <c r="L7" s="152"/>
      <c r="M7" s="152"/>
      <c r="N7" s="152"/>
      <c r="O7" s="152"/>
      <c r="P7" s="152"/>
    </row>
    <row r="8" spans="1:17" ht="15" customHeight="1" x14ac:dyDescent="0.15">
      <c r="B8" s="194" t="s">
        <v>271</v>
      </c>
      <c r="C8" s="106"/>
      <c r="D8" s="107" t="s">
        <v>31</v>
      </c>
      <c r="E8" s="107" t="s">
        <v>31</v>
      </c>
      <c r="F8" s="227" t="s">
        <v>31</v>
      </c>
      <c r="G8" s="108">
        <v>428578</v>
      </c>
      <c r="H8" s="280">
        <v>396834</v>
      </c>
      <c r="J8" s="150"/>
      <c r="K8" s="151"/>
      <c r="L8" s="152"/>
      <c r="M8" s="152"/>
      <c r="N8" s="152"/>
      <c r="O8" s="152"/>
      <c r="P8" s="152"/>
    </row>
    <row r="9" spans="1:17" ht="15" customHeight="1" x14ac:dyDescent="0.15">
      <c r="B9" s="194" t="s">
        <v>174</v>
      </c>
      <c r="C9" s="106"/>
      <c r="D9" s="109" t="s">
        <v>31</v>
      </c>
      <c r="E9" s="109" t="s">
        <v>31</v>
      </c>
      <c r="F9" s="166" t="s">
        <v>31</v>
      </c>
      <c r="G9" s="166">
        <v>2533461</v>
      </c>
      <c r="H9" s="110">
        <v>2594410</v>
      </c>
      <c r="J9" s="150"/>
      <c r="K9" s="151"/>
      <c r="L9" s="152"/>
      <c r="M9" s="152"/>
      <c r="N9" s="152"/>
      <c r="O9" s="152"/>
      <c r="P9" s="152"/>
    </row>
    <row r="10" spans="1:17" ht="15" customHeight="1" x14ac:dyDescent="0.15">
      <c r="B10" s="194" t="s">
        <v>175</v>
      </c>
      <c r="C10" s="106"/>
      <c r="D10" s="109" t="s">
        <v>31</v>
      </c>
      <c r="E10" s="109" t="s">
        <v>31</v>
      </c>
      <c r="F10" s="166" t="s">
        <v>31</v>
      </c>
      <c r="G10" s="166" t="s">
        <v>289</v>
      </c>
      <c r="H10" s="110" t="s">
        <v>260</v>
      </c>
      <c r="J10" s="150"/>
      <c r="K10" s="151"/>
      <c r="L10" s="152"/>
      <c r="M10" s="152"/>
      <c r="N10" s="152"/>
      <c r="O10" s="152"/>
      <c r="P10" s="152"/>
    </row>
    <row r="11" spans="1:17" ht="15" customHeight="1" x14ac:dyDescent="0.15">
      <c r="B11" s="194" t="s">
        <v>176</v>
      </c>
      <c r="C11" s="106"/>
      <c r="D11" s="111" t="s">
        <v>31</v>
      </c>
      <c r="E11" s="111"/>
      <c r="F11" s="167"/>
      <c r="G11" s="167">
        <v>2425910</v>
      </c>
      <c r="H11" s="168">
        <v>2495588</v>
      </c>
      <c r="J11" s="150"/>
      <c r="K11" s="151"/>
      <c r="L11" s="152"/>
      <c r="M11" s="152"/>
      <c r="N11" s="152"/>
      <c r="O11" s="152"/>
      <c r="P11" s="152"/>
    </row>
    <row r="12" spans="1:17" ht="15" customHeight="1" x14ac:dyDescent="0.15">
      <c r="B12" s="103" t="s">
        <v>106</v>
      </c>
      <c r="C12" s="104"/>
      <c r="D12" s="105"/>
      <c r="E12" s="105"/>
      <c r="F12" s="105"/>
      <c r="G12" s="105"/>
      <c r="H12" s="188"/>
      <c r="J12" s="150"/>
      <c r="K12" s="151"/>
      <c r="L12" s="152"/>
      <c r="M12" s="152"/>
      <c r="N12" s="152"/>
      <c r="O12" s="152"/>
      <c r="P12" s="152"/>
    </row>
    <row r="13" spans="1:17" ht="15" customHeight="1" x14ac:dyDescent="0.15">
      <c r="B13" s="194" t="s">
        <v>269</v>
      </c>
      <c r="C13" s="106"/>
      <c r="D13" s="107" t="s">
        <v>31</v>
      </c>
      <c r="E13" s="107" t="s">
        <v>31</v>
      </c>
      <c r="F13" s="108" t="s">
        <v>31</v>
      </c>
      <c r="G13" s="108">
        <v>58866</v>
      </c>
      <c r="H13" s="189">
        <v>48291</v>
      </c>
      <c r="J13" s="150"/>
      <c r="K13" s="151"/>
      <c r="L13" s="152"/>
      <c r="M13" s="152"/>
      <c r="N13" s="152"/>
      <c r="O13" s="152"/>
      <c r="P13" s="152"/>
    </row>
    <row r="14" spans="1:17" ht="15" customHeight="1" x14ac:dyDescent="0.15">
      <c r="B14" s="194" t="s">
        <v>273</v>
      </c>
      <c r="C14" s="106"/>
      <c r="D14" s="107" t="s">
        <v>31</v>
      </c>
      <c r="E14" s="107" t="s">
        <v>31</v>
      </c>
      <c r="F14" s="227" t="s">
        <v>31</v>
      </c>
      <c r="G14" s="108">
        <v>15527</v>
      </c>
      <c r="H14" s="189">
        <v>24966</v>
      </c>
      <c r="J14" s="150"/>
      <c r="K14" s="151"/>
      <c r="L14" s="152"/>
      <c r="M14" s="152"/>
      <c r="N14" s="152"/>
      <c r="O14" s="152"/>
      <c r="P14" s="152"/>
    </row>
    <row r="15" spans="1:17" ht="15" customHeight="1" x14ac:dyDescent="0.15">
      <c r="B15" s="194" t="s">
        <v>268</v>
      </c>
      <c r="C15" s="106"/>
      <c r="D15" s="107" t="s">
        <v>31</v>
      </c>
      <c r="E15" s="107" t="s">
        <v>31</v>
      </c>
      <c r="F15" s="227" t="s">
        <v>31</v>
      </c>
      <c r="G15" s="108">
        <v>15421</v>
      </c>
      <c r="H15" s="189">
        <v>4038</v>
      </c>
      <c r="J15" s="150"/>
      <c r="K15" s="151"/>
      <c r="L15" s="152"/>
      <c r="M15" s="152"/>
      <c r="N15" s="152"/>
      <c r="O15" s="152"/>
      <c r="P15" s="152"/>
    </row>
    <row r="16" spans="1:17" ht="15" customHeight="1" x14ac:dyDescent="0.15">
      <c r="B16" s="194" t="s">
        <v>272</v>
      </c>
      <c r="C16" s="106"/>
      <c r="D16" s="107" t="s">
        <v>31</v>
      </c>
      <c r="E16" s="107" t="s">
        <v>31</v>
      </c>
      <c r="F16" s="227" t="s">
        <v>31</v>
      </c>
      <c r="G16" s="108">
        <v>1860</v>
      </c>
      <c r="H16" s="280">
        <v>20316</v>
      </c>
      <c r="J16" s="150"/>
      <c r="K16" s="151"/>
      <c r="L16" s="152"/>
      <c r="M16" s="152"/>
      <c r="N16" s="152"/>
      <c r="O16" s="152"/>
      <c r="P16" s="152"/>
    </row>
    <row r="17" spans="2:16" ht="15" customHeight="1" x14ac:dyDescent="0.15">
      <c r="B17" s="194" t="s">
        <v>271</v>
      </c>
      <c r="C17" s="106"/>
      <c r="D17" s="107" t="s">
        <v>31</v>
      </c>
      <c r="E17" s="107" t="s">
        <v>31</v>
      </c>
      <c r="F17" s="227" t="s">
        <v>31</v>
      </c>
      <c r="G17" s="108">
        <v>12692</v>
      </c>
      <c r="H17" s="280">
        <v>6988</v>
      </c>
      <c r="J17" s="150"/>
      <c r="K17" s="151"/>
      <c r="L17" s="152"/>
      <c r="M17" s="152"/>
      <c r="N17" s="152"/>
      <c r="O17" s="152"/>
      <c r="P17" s="152"/>
    </row>
    <row r="18" spans="2:16" ht="15" customHeight="1" x14ac:dyDescent="0.15">
      <c r="B18" s="194" t="s">
        <v>174</v>
      </c>
      <c r="C18" s="106"/>
      <c r="D18" s="109" t="s">
        <v>31</v>
      </c>
      <c r="E18" s="109" t="s">
        <v>31</v>
      </c>
      <c r="F18" s="166" t="s">
        <v>31</v>
      </c>
      <c r="G18" s="166">
        <v>104368</v>
      </c>
      <c r="H18" s="110">
        <v>104601</v>
      </c>
      <c r="J18" s="150"/>
      <c r="K18" s="151"/>
      <c r="L18" s="152"/>
      <c r="M18" s="152"/>
      <c r="N18" s="152"/>
      <c r="O18" s="152"/>
      <c r="P18" s="152"/>
    </row>
    <row r="19" spans="2:16" ht="15" customHeight="1" x14ac:dyDescent="0.15">
      <c r="B19" s="194" t="s">
        <v>175</v>
      </c>
      <c r="C19" s="106"/>
      <c r="D19" s="109" t="s">
        <v>31</v>
      </c>
      <c r="E19" s="109" t="s">
        <v>31</v>
      </c>
      <c r="F19" s="166" t="s">
        <v>31</v>
      </c>
      <c r="G19" s="166" t="s">
        <v>261</v>
      </c>
      <c r="H19" s="110" t="s">
        <v>257</v>
      </c>
      <c r="J19" s="150"/>
      <c r="K19" s="151"/>
      <c r="L19" s="152"/>
      <c r="M19" s="152"/>
      <c r="N19" s="152"/>
      <c r="O19" s="152"/>
      <c r="P19" s="152"/>
    </row>
    <row r="20" spans="2:16" ht="15" customHeight="1" x14ac:dyDescent="0.15">
      <c r="B20" s="195" t="s">
        <v>176</v>
      </c>
      <c r="C20" s="136"/>
      <c r="D20" s="109" t="s">
        <v>31</v>
      </c>
      <c r="E20" s="109" t="s">
        <v>31</v>
      </c>
      <c r="F20" s="166" t="s">
        <v>31</v>
      </c>
      <c r="G20" s="166">
        <v>83112</v>
      </c>
      <c r="H20" s="110">
        <v>84716</v>
      </c>
      <c r="J20" s="150"/>
      <c r="K20" s="151"/>
      <c r="L20" s="152"/>
      <c r="M20" s="152"/>
      <c r="N20" s="152"/>
      <c r="O20" s="152"/>
      <c r="P20" s="152"/>
    </row>
    <row r="21" spans="2:16" ht="15" customHeight="1" x14ac:dyDescent="0.15">
      <c r="B21" s="276" t="s">
        <v>109</v>
      </c>
      <c r="C21" s="277"/>
      <c r="D21" s="278"/>
      <c r="E21" s="278"/>
      <c r="F21" s="278"/>
      <c r="G21" s="278"/>
      <c r="H21" s="279"/>
      <c r="J21" s="150"/>
      <c r="K21" s="151"/>
      <c r="L21" s="152"/>
      <c r="M21" s="152"/>
      <c r="N21" s="152"/>
      <c r="O21" s="152"/>
      <c r="P21" s="152"/>
    </row>
    <row r="22" spans="2:16" ht="15" customHeight="1" x14ac:dyDescent="0.15">
      <c r="B22" s="194" t="s">
        <v>269</v>
      </c>
      <c r="C22" s="138"/>
      <c r="D22" s="139" t="s">
        <v>31</v>
      </c>
      <c r="E22" s="139">
        <v>891127</v>
      </c>
      <c r="F22" s="140">
        <v>850683</v>
      </c>
      <c r="G22" s="140">
        <v>879910</v>
      </c>
      <c r="H22" s="281" t="s">
        <v>31</v>
      </c>
      <c r="J22" s="150"/>
      <c r="K22" s="151"/>
      <c r="L22" s="152"/>
      <c r="M22" s="152"/>
      <c r="N22" s="152"/>
      <c r="O22" s="152"/>
      <c r="P22" s="152"/>
    </row>
    <row r="23" spans="2:16" ht="15" customHeight="1" x14ac:dyDescent="0.15">
      <c r="B23" s="194" t="s">
        <v>270</v>
      </c>
      <c r="C23" s="106"/>
      <c r="D23" s="107" t="s">
        <v>31</v>
      </c>
      <c r="E23" s="107">
        <v>1315755</v>
      </c>
      <c r="F23" s="227">
        <v>1153824</v>
      </c>
      <c r="G23" s="108">
        <v>1282938</v>
      </c>
      <c r="H23" s="282" t="s">
        <v>31</v>
      </c>
      <c r="J23" s="150"/>
      <c r="K23" s="151"/>
      <c r="L23" s="152"/>
      <c r="M23" s="152"/>
      <c r="N23" s="152"/>
      <c r="O23" s="152"/>
      <c r="P23" s="152"/>
    </row>
    <row r="24" spans="2:16" ht="15" customHeight="1" x14ac:dyDescent="0.15">
      <c r="B24" s="194" t="s">
        <v>268</v>
      </c>
      <c r="C24" s="106"/>
      <c r="D24" s="107" t="s">
        <v>31</v>
      </c>
      <c r="E24" s="107">
        <v>280911</v>
      </c>
      <c r="F24" s="227">
        <v>357605</v>
      </c>
      <c r="G24" s="108">
        <v>358923</v>
      </c>
      <c r="H24" s="282" t="s">
        <v>31</v>
      </c>
      <c r="J24" s="150"/>
      <c r="K24" s="151"/>
      <c r="L24" s="152"/>
      <c r="M24" s="152"/>
      <c r="N24" s="152"/>
      <c r="O24" s="152"/>
      <c r="P24" s="152"/>
    </row>
    <row r="25" spans="2:16" ht="15" customHeight="1" x14ac:dyDescent="0.15">
      <c r="B25" s="194" t="s">
        <v>174</v>
      </c>
      <c r="C25" s="106"/>
      <c r="D25" s="109" t="s">
        <v>31</v>
      </c>
      <c r="E25" s="109">
        <v>2487794</v>
      </c>
      <c r="F25" s="109">
        <v>2362114</v>
      </c>
      <c r="G25" s="109">
        <v>2521772</v>
      </c>
      <c r="H25" s="110" t="s">
        <v>31</v>
      </c>
      <c r="J25" s="150"/>
      <c r="K25" s="151"/>
      <c r="L25" s="152"/>
      <c r="M25" s="152"/>
      <c r="N25" s="152"/>
      <c r="O25" s="152"/>
      <c r="P25" s="152"/>
    </row>
    <row r="26" spans="2:16" ht="15" customHeight="1" x14ac:dyDescent="0.15">
      <c r="B26" s="194" t="s">
        <v>175</v>
      </c>
      <c r="C26" s="106"/>
      <c r="D26" s="109" t="s">
        <v>31</v>
      </c>
      <c r="E26" s="109" t="s">
        <v>190</v>
      </c>
      <c r="F26" s="109" t="s">
        <v>191</v>
      </c>
      <c r="G26" s="109" t="s">
        <v>211</v>
      </c>
      <c r="H26" s="110" t="s">
        <v>31</v>
      </c>
      <c r="J26" s="150"/>
      <c r="K26" s="151"/>
      <c r="L26" s="152"/>
      <c r="M26" s="152"/>
      <c r="N26" s="152"/>
      <c r="O26" s="152"/>
      <c r="P26" s="152"/>
    </row>
    <row r="27" spans="2:16" ht="15" customHeight="1" x14ac:dyDescent="0.15">
      <c r="B27" s="194" t="s">
        <v>178</v>
      </c>
      <c r="C27" s="106"/>
      <c r="D27" s="285" t="s">
        <v>31</v>
      </c>
      <c r="E27" s="285">
        <v>2394767</v>
      </c>
      <c r="F27" s="285">
        <v>2262284</v>
      </c>
      <c r="G27" s="285">
        <v>2425910</v>
      </c>
      <c r="H27" s="283" t="s">
        <v>31</v>
      </c>
      <c r="J27" s="150"/>
      <c r="K27" s="151"/>
      <c r="L27" s="152"/>
      <c r="M27" s="152"/>
      <c r="N27" s="152"/>
      <c r="O27" s="152"/>
      <c r="P27" s="152"/>
    </row>
    <row r="28" spans="2:16" ht="15" customHeight="1" x14ac:dyDescent="0.15">
      <c r="B28" s="103" t="s">
        <v>107</v>
      </c>
      <c r="C28" s="104"/>
      <c r="D28" s="105"/>
      <c r="E28" s="105"/>
      <c r="F28" s="105"/>
      <c r="G28" s="105"/>
      <c r="H28" s="284"/>
      <c r="J28" s="150"/>
      <c r="K28" s="151"/>
      <c r="L28" s="152"/>
      <c r="M28" s="152"/>
      <c r="N28" s="152"/>
      <c r="O28" s="152"/>
      <c r="P28" s="152"/>
    </row>
    <row r="29" spans="2:16" ht="15" customHeight="1" x14ac:dyDescent="0.15">
      <c r="B29" s="194" t="s">
        <v>269</v>
      </c>
      <c r="C29" s="106"/>
      <c r="D29" s="107" t="s">
        <v>31</v>
      </c>
      <c r="E29" s="107">
        <v>25233</v>
      </c>
      <c r="F29" s="108">
        <v>39829</v>
      </c>
      <c r="G29" s="108">
        <v>71559</v>
      </c>
      <c r="H29" s="282" t="s">
        <v>31</v>
      </c>
      <c r="J29" s="150"/>
      <c r="K29" s="151"/>
      <c r="L29" s="152"/>
      <c r="M29" s="152"/>
      <c r="N29" s="152"/>
      <c r="O29" s="152"/>
      <c r="P29" s="152"/>
    </row>
    <row r="30" spans="2:16" ht="15" customHeight="1" x14ac:dyDescent="0.15">
      <c r="B30" s="194" t="s">
        <v>270</v>
      </c>
      <c r="C30" s="106"/>
      <c r="D30" s="107" t="s">
        <v>31</v>
      </c>
      <c r="E30" s="107">
        <v>46836</v>
      </c>
      <c r="F30" s="227">
        <v>13217</v>
      </c>
      <c r="G30" s="108">
        <v>17387</v>
      </c>
      <c r="H30" s="282" t="s">
        <v>31</v>
      </c>
      <c r="J30" s="150"/>
      <c r="K30" s="151"/>
      <c r="L30" s="152"/>
      <c r="M30" s="152"/>
      <c r="N30" s="152"/>
      <c r="O30" s="152"/>
      <c r="P30" s="152"/>
    </row>
    <row r="31" spans="2:16" ht="15" customHeight="1" x14ac:dyDescent="0.15">
      <c r="B31" s="194" t="s">
        <v>268</v>
      </c>
      <c r="C31" s="106"/>
      <c r="D31" s="107" t="s">
        <v>31</v>
      </c>
      <c r="E31" s="107">
        <v>20856</v>
      </c>
      <c r="F31" s="227">
        <v>20548</v>
      </c>
      <c r="G31" s="108">
        <v>15421</v>
      </c>
      <c r="H31" s="282" t="s">
        <v>31</v>
      </c>
      <c r="J31" s="150"/>
      <c r="K31" s="151"/>
      <c r="L31" s="152"/>
      <c r="M31" s="152"/>
      <c r="N31" s="152"/>
      <c r="O31" s="152"/>
      <c r="P31" s="152"/>
    </row>
    <row r="32" spans="2:16" ht="15" customHeight="1" x14ac:dyDescent="0.15">
      <c r="B32" s="194" t="s">
        <v>174</v>
      </c>
      <c r="C32" s="106"/>
      <c r="D32" s="109" t="s">
        <v>31</v>
      </c>
      <c r="E32" s="109">
        <v>92927</v>
      </c>
      <c r="F32" s="109">
        <v>73596</v>
      </c>
      <c r="G32" s="109">
        <v>104368</v>
      </c>
      <c r="H32" s="110" t="s">
        <v>31</v>
      </c>
      <c r="J32" s="150"/>
      <c r="K32" s="151"/>
      <c r="L32" s="152"/>
      <c r="M32" s="152"/>
      <c r="N32" s="152"/>
      <c r="O32" s="152"/>
      <c r="P32" s="152"/>
    </row>
    <row r="33" spans="2:16" ht="15" customHeight="1" x14ac:dyDescent="0.15">
      <c r="B33" s="194" t="s">
        <v>175</v>
      </c>
      <c r="C33" s="106"/>
      <c r="D33" s="109" t="s">
        <v>31</v>
      </c>
      <c r="E33" s="109" t="s">
        <v>151</v>
      </c>
      <c r="F33" s="109" t="s">
        <v>192</v>
      </c>
      <c r="G33" s="109" t="s">
        <v>212</v>
      </c>
      <c r="H33" s="110" t="s">
        <v>31</v>
      </c>
      <c r="J33" s="150"/>
      <c r="K33" s="151"/>
      <c r="L33" s="152"/>
      <c r="M33" s="152"/>
      <c r="N33" s="152"/>
      <c r="O33" s="152"/>
      <c r="P33" s="152"/>
    </row>
    <row r="34" spans="2:16" ht="15" customHeight="1" x14ac:dyDescent="0.15">
      <c r="B34" s="195" t="s">
        <v>176</v>
      </c>
      <c r="C34" s="136"/>
      <c r="D34" s="109" t="s">
        <v>31</v>
      </c>
      <c r="E34" s="109">
        <v>77388</v>
      </c>
      <c r="F34" s="109">
        <v>51464</v>
      </c>
      <c r="G34" s="109">
        <v>83112</v>
      </c>
      <c r="H34" s="110" t="s">
        <v>31</v>
      </c>
      <c r="J34" s="150"/>
      <c r="K34" s="151"/>
      <c r="L34" s="152"/>
      <c r="M34" s="152"/>
      <c r="N34" s="152"/>
      <c r="O34" s="152"/>
      <c r="P34" s="152"/>
    </row>
    <row r="35" spans="2:16" ht="15" customHeight="1" x14ac:dyDescent="0.15">
      <c r="B35" s="286"/>
      <c r="C35" s="287"/>
      <c r="D35" s="285"/>
      <c r="E35" s="285"/>
      <c r="F35" s="285"/>
      <c r="G35" s="285"/>
      <c r="H35" s="285"/>
      <c r="J35" s="150"/>
      <c r="K35" s="151"/>
      <c r="L35" s="152"/>
      <c r="M35" s="152"/>
      <c r="N35" s="152"/>
      <c r="O35" s="152"/>
      <c r="P35" s="152"/>
    </row>
    <row r="36" spans="2:16" ht="15" customHeight="1" x14ac:dyDescent="0.15">
      <c r="B36" s="276" t="s">
        <v>109</v>
      </c>
      <c r="C36" s="277"/>
      <c r="D36" s="287"/>
      <c r="E36" s="278"/>
      <c r="F36" s="278"/>
      <c r="G36" s="278"/>
      <c r="H36" s="279"/>
      <c r="J36" s="153"/>
      <c r="L36" s="105"/>
      <c r="M36" s="105"/>
      <c r="N36" s="105"/>
      <c r="O36" s="105"/>
      <c r="P36" s="105"/>
    </row>
    <row r="37" spans="2:16" ht="15" customHeight="1" x14ac:dyDescent="0.15">
      <c r="B37" s="194" t="s">
        <v>267</v>
      </c>
      <c r="C37" s="104"/>
      <c r="D37" s="107">
        <v>607990</v>
      </c>
      <c r="E37" s="108">
        <v>696936</v>
      </c>
      <c r="F37" s="108" t="s">
        <v>31</v>
      </c>
      <c r="G37" s="107" t="s">
        <v>31</v>
      </c>
      <c r="H37" s="282" t="s">
        <v>31</v>
      </c>
      <c r="J37" s="112"/>
      <c r="K37" s="106"/>
      <c r="L37" s="107"/>
      <c r="M37" s="107"/>
      <c r="N37" s="107"/>
      <c r="O37" s="108"/>
      <c r="P37" s="108"/>
    </row>
    <row r="38" spans="2:16" s="137" customFormat="1" ht="15" customHeight="1" x14ac:dyDescent="0.15">
      <c r="B38" s="196" t="s">
        <v>265</v>
      </c>
      <c r="C38" s="138"/>
      <c r="D38" s="139">
        <v>318084</v>
      </c>
      <c r="E38" s="140">
        <v>320403</v>
      </c>
      <c r="F38" s="140" t="s">
        <v>31</v>
      </c>
      <c r="G38" s="139" t="s">
        <v>31</v>
      </c>
      <c r="H38" s="281" t="s">
        <v>31</v>
      </c>
      <c r="J38" s="154"/>
      <c r="K38" s="138"/>
      <c r="L38" s="139"/>
      <c r="M38" s="139"/>
      <c r="N38" s="139"/>
      <c r="O38" s="140"/>
      <c r="P38" s="140"/>
    </row>
    <row r="39" spans="2:16" ht="15" customHeight="1" x14ac:dyDescent="0.15">
      <c r="B39" s="194" t="s">
        <v>266</v>
      </c>
      <c r="C39" s="106"/>
      <c r="D39" s="107">
        <v>504566</v>
      </c>
      <c r="E39" s="108">
        <v>491589</v>
      </c>
      <c r="F39" s="108" t="s">
        <v>31</v>
      </c>
      <c r="G39" s="107" t="s">
        <v>31</v>
      </c>
      <c r="H39" s="282" t="s">
        <v>31</v>
      </c>
      <c r="J39" s="112"/>
      <c r="K39" s="106"/>
      <c r="L39" s="107"/>
      <c r="M39" s="107"/>
      <c r="N39" s="107"/>
      <c r="O39" s="108"/>
      <c r="P39" s="108"/>
    </row>
    <row r="40" spans="2:16" ht="15" customHeight="1" x14ac:dyDescent="0.15">
      <c r="B40" s="194" t="s">
        <v>177</v>
      </c>
      <c r="C40" s="106"/>
      <c r="D40" s="107">
        <v>1086570</v>
      </c>
      <c r="E40" s="108">
        <v>961889</v>
      </c>
      <c r="F40" s="108" t="s">
        <v>31</v>
      </c>
      <c r="G40" s="107" t="s">
        <v>31</v>
      </c>
      <c r="H40" s="282" t="s">
        <v>31</v>
      </c>
      <c r="J40" s="112"/>
      <c r="K40" s="106"/>
      <c r="L40" s="107"/>
      <c r="M40" s="107"/>
      <c r="N40" s="107"/>
      <c r="O40" s="108"/>
      <c r="P40" s="108"/>
    </row>
    <row r="41" spans="2:16" ht="15" customHeight="1" x14ac:dyDescent="0.15">
      <c r="B41" s="194" t="s">
        <v>174</v>
      </c>
      <c r="C41" s="106"/>
      <c r="D41" s="109">
        <v>2517212</v>
      </c>
      <c r="E41" s="109">
        <v>2470819</v>
      </c>
      <c r="F41" s="109" t="s">
        <v>31</v>
      </c>
      <c r="G41" s="109" t="s">
        <v>31</v>
      </c>
      <c r="H41" s="110" t="s">
        <v>31</v>
      </c>
      <c r="J41" s="112"/>
      <c r="K41" s="106"/>
      <c r="L41" s="108"/>
      <c r="M41" s="108"/>
      <c r="N41" s="108"/>
      <c r="O41" s="108"/>
      <c r="P41" s="108"/>
    </row>
    <row r="42" spans="2:16" ht="15" customHeight="1" x14ac:dyDescent="0.15">
      <c r="B42" s="194" t="s">
        <v>175</v>
      </c>
      <c r="C42" s="106"/>
      <c r="D42" s="109" t="s">
        <v>148</v>
      </c>
      <c r="E42" s="109" t="s">
        <v>149</v>
      </c>
      <c r="F42" s="109" t="s">
        <v>31</v>
      </c>
      <c r="G42" s="109" t="s">
        <v>31</v>
      </c>
      <c r="H42" s="110" t="s">
        <v>31</v>
      </c>
      <c r="J42" s="112"/>
      <c r="K42" s="106"/>
      <c r="L42" s="108"/>
      <c r="M42" s="108"/>
      <c r="N42" s="108"/>
      <c r="O42" s="108"/>
      <c r="P42" s="108"/>
    </row>
    <row r="43" spans="2:16" ht="15" customHeight="1" x14ac:dyDescent="0.15">
      <c r="B43" s="194" t="s">
        <v>178</v>
      </c>
      <c r="C43" s="106"/>
      <c r="D43" s="285">
        <v>2427271</v>
      </c>
      <c r="E43" s="285">
        <v>2394767</v>
      </c>
      <c r="F43" s="285" t="s">
        <v>31</v>
      </c>
      <c r="G43" s="285" t="s">
        <v>31</v>
      </c>
      <c r="H43" s="283" t="s">
        <v>31</v>
      </c>
      <c r="J43" s="112"/>
      <c r="K43" s="106"/>
      <c r="L43" s="108"/>
      <c r="M43" s="108"/>
      <c r="N43" s="108"/>
      <c r="O43" s="108"/>
      <c r="P43" s="108"/>
    </row>
    <row r="44" spans="2:16" ht="15" customHeight="1" x14ac:dyDescent="0.15">
      <c r="B44" s="103" t="s">
        <v>107</v>
      </c>
      <c r="C44" s="104"/>
      <c r="D44" s="105"/>
      <c r="E44" s="105"/>
      <c r="F44" s="105"/>
      <c r="G44" s="105"/>
      <c r="H44" s="284"/>
      <c r="J44" s="153"/>
      <c r="L44" s="105"/>
      <c r="M44" s="105"/>
      <c r="N44" s="105"/>
      <c r="O44" s="105"/>
      <c r="P44" s="105"/>
    </row>
    <row r="45" spans="2:16" ht="15" customHeight="1" x14ac:dyDescent="0.15">
      <c r="B45" s="197" t="s">
        <v>264</v>
      </c>
      <c r="C45" s="106"/>
      <c r="D45" s="107">
        <v>43723</v>
      </c>
      <c r="E45" s="108">
        <v>48034</v>
      </c>
      <c r="F45" s="108" t="s">
        <v>31</v>
      </c>
      <c r="G45" s="107" t="s">
        <v>31</v>
      </c>
      <c r="H45" s="282" t="s">
        <v>31</v>
      </c>
      <c r="J45" s="112"/>
      <c r="K45" s="106"/>
      <c r="L45" s="107"/>
      <c r="M45" s="107"/>
      <c r="N45" s="107"/>
      <c r="O45" s="108"/>
      <c r="P45" s="108"/>
    </row>
    <row r="46" spans="2:16" ht="15" customHeight="1" x14ac:dyDescent="0.15">
      <c r="B46" s="197" t="s">
        <v>265</v>
      </c>
      <c r="C46" s="106"/>
      <c r="D46" s="108">
        <v>21969</v>
      </c>
      <c r="E46" s="108">
        <v>21699</v>
      </c>
      <c r="F46" s="108" t="s">
        <v>31</v>
      </c>
      <c r="G46" s="108" t="s">
        <v>31</v>
      </c>
      <c r="H46" s="280" t="s">
        <v>31</v>
      </c>
      <c r="J46" s="112"/>
      <c r="K46" s="106"/>
      <c r="L46" s="108"/>
      <c r="M46" s="108"/>
      <c r="N46" s="108"/>
      <c r="O46" s="108"/>
      <c r="P46" s="108"/>
    </row>
    <row r="47" spans="2:16" ht="15" customHeight="1" x14ac:dyDescent="0.15">
      <c r="B47" s="197" t="s">
        <v>263</v>
      </c>
      <c r="C47" s="106"/>
      <c r="D47" s="107">
        <v>3332</v>
      </c>
      <c r="E47" s="108" t="s">
        <v>193</v>
      </c>
      <c r="F47" s="108" t="s">
        <v>31</v>
      </c>
      <c r="G47" s="107" t="s">
        <v>31</v>
      </c>
      <c r="H47" s="282" t="s">
        <v>31</v>
      </c>
      <c r="J47" s="112"/>
      <c r="K47" s="106"/>
      <c r="L47" s="107"/>
      <c r="M47" s="107"/>
      <c r="N47" s="107"/>
      <c r="O47" s="108"/>
      <c r="P47" s="108"/>
    </row>
    <row r="48" spans="2:16" ht="15" customHeight="1" x14ac:dyDescent="0.15">
      <c r="B48" s="197" t="s">
        <v>262</v>
      </c>
      <c r="C48" s="106"/>
      <c r="D48" s="107">
        <v>37041</v>
      </c>
      <c r="E48" s="108">
        <v>26522</v>
      </c>
      <c r="F48" s="108" t="s">
        <v>31</v>
      </c>
      <c r="G48" s="107" t="s">
        <v>31</v>
      </c>
      <c r="H48" s="282" t="s">
        <v>31</v>
      </c>
      <c r="J48" s="112"/>
      <c r="K48" s="106"/>
      <c r="L48" s="107"/>
      <c r="M48" s="107"/>
      <c r="N48" s="107"/>
      <c r="O48" s="108"/>
      <c r="P48" s="108"/>
    </row>
    <row r="49" spans="1:16" ht="15" customHeight="1" x14ac:dyDescent="0.15">
      <c r="B49" s="197" t="s">
        <v>174</v>
      </c>
      <c r="C49" s="106"/>
      <c r="D49" s="109">
        <v>106068</v>
      </c>
      <c r="E49" s="109">
        <v>92927</v>
      </c>
      <c r="F49" s="109" t="s">
        <v>31</v>
      </c>
      <c r="G49" s="109" t="s">
        <v>31</v>
      </c>
      <c r="H49" s="110" t="s">
        <v>31</v>
      </c>
      <c r="J49" s="112"/>
      <c r="K49" s="106"/>
      <c r="L49" s="108"/>
      <c r="M49" s="108"/>
      <c r="N49" s="108"/>
      <c r="O49" s="108"/>
      <c r="P49" s="108"/>
    </row>
    <row r="50" spans="1:16" ht="15" customHeight="1" x14ac:dyDescent="0.15">
      <c r="B50" s="197" t="s">
        <v>175</v>
      </c>
      <c r="C50" s="106"/>
      <c r="D50" s="109" t="s">
        <v>150</v>
      </c>
      <c r="E50" s="109" t="s">
        <v>151</v>
      </c>
      <c r="F50" s="109" t="s">
        <v>31</v>
      </c>
      <c r="G50" s="109" t="s">
        <v>31</v>
      </c>
      <c r="H50" s="110" t="s">
        <v>31</v>
      </c>
      <c r="J50" s="112"/>
      <c r="K50" s="106"/>
      <c r="L50" s="108"/>
      <c r="M50" s="108"/>
      <c r="N50" s="108"/>
      <c r="O50" s="108"/>
      <c r="P50" s="108"/>
    </row>
    <row r="51" spans="1:16" ht="15" customHeight="1" x14ac:dyDescent="0.15">
      <c r="B51" s="198" t="s">
        <v>178</v>
      </c>
      <c r="C51" s="136"/>
      <c r="D51" s="109">
        <v>90125</v>
      </c>
      <c r="E51" s="109">
        <v>77388</v>
      </c>
      <c r="F51" s="109" t="s">
        <v>31</v>
      </c>
      <c r="G51" s="109" t="s">
        <v>31</v>
      </c>
      <c r="H51" s="110" t="s">
        <v>31</v>
      </c>
      <c r="J51" s="112"/>
      <c r="K51" s="106"/>
      <c r="L51" s="108"/>
      <c r="M51" s="108"/>
      <c r="N51" s="108"/>
      <c r="O51" s="108"/>
      <c r="P51" s="108"/>
    </row>
    <row r="52" spans="1:16" ht="12.75" customHeight="1" x14ac:dyDescent="0.15">
      <c r="B52" s="225"/>
      <c r="C52" s="106"/>
      <c r="D52" s="108"/>
      <c r="E52" s="108"/>
      <c r="F52" s="108"/>
      <c r="G52" s="108"/>
      <c r="H52" s="108"/>
      <c r="J52" s="112"/>
      <c r="K52" s="106"/>
      <c r="L52" s="108"/>
      <c r="M52" s="108"/>
      <c r="N52" s="108"/>
      <c r="O52" s="108"/>
      <c r="P52" s="108"/>
    </row>
    <row r="53" spans="1:16" ht="12.75" customHeight="1" x14ac:dyDescent="0.15">
      <c r="B53" s="318" t="s">
        <v>170</v>
      </c>
      <c r="C53" s="318"/>
      <c r="D53" s="318"/>
      <c r="E53" s="318"/>
      <c r="F53" s="318"/>
      <c r="G53" s="318"/>
      <c r="H53" s="318"/>
      <c r="J53" s="318"/>
      <c r="K53" s="318"/>
      <c r="L53" s="318"/>
      <c r="M53" s="318"/>
      <c r="N53" s="318"/>
      <c r="O53" s="144"/>
      <c r="P53" s="113"/>
    </row>
    <row r="54" spans="1:16" ht="12.75" customHeight="1" x14ac:dyDescent="0.15">
      <c r="A54" s="114"/>
      <c r="B54" s="315" t="s">
        <v>256</v>
      </c>
      <c r="C54" s="319"/>
      <c r="D54" s="319"/>
      <c r="E54" s="319"/>
      <c r="F54" s="319"/>
      <c r="G54" s="319"/>
      <c r="H54" s="319"/>
    </row>
    <row r="55" spans="1:16" ht="13.5" x14ac:dyDescent="0.15">
      <c r="B55" s="315"/>
      <c r="C55" s="319"/>
      <c r="D55" s="319"/>
      <c r="E55" s="319"/>
      <c r="F55" s="319"/>
      <c r="G55" s="319"/>
      <c r="H55" s="319"/>
    </row>
  </sheetData>
  <sheetProtection selectLockedCells="1" selectUnlockedCells="1"/>
  <protectedRanges>
    <protectedRange sqref="A1:H36" name="範囲1"/>
  </protectedRanges>
  <mergeCells count="4">
    <mergeCell ref="B54:H54"/>
    <mergeCell ref="J53:N53"/>
    <mergeCell ref="B53:H53"/>
    <mergeCell ref="B55:H55"/>
  </mergeCells>
  <phoneticPr fontId="2"/>
  <pageMargins left="0.70866141732283472" right="0.70866141732283472" top="0.74803149606299213" bottom="0.74803149606299213" header="0.31496062992125984" footer="0.31496062992125984"/>
  <pageSetup paperSize="9" orientation="landscape" r:id="rId1"/>
  <headerFooter alignWithMargins="0"/>
  <colBreaks count="1" manualBreakCount="1">
    <brk id="20" max="1048575"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P82"/>
  <sheetViews>
    <sheetView showGridLines="0" zoomScaleNormal="100" zoomScaleSheetLayoutView="100" workbookViewId="0">
      <selection activeCell="A2" sqref="A2"/>
    </sheetView>
  </sheetViews>
  <sheetFormatPr defaultRowHeight="12" x14ac:dyDescent="0.15"/>
  <cols>
    <col min="1" max="1" width="2.625" style="59" customWidth="1"/>
    <col min="2" max="2" width="30.875" style="59" customWidth="1"/>
    <col min="3" max="6" width="19.625" style="59" customWidth="1"/>
    <col min="7" max="7" width="19.625" style="63" customWidth="1"/>
    <col min="8" max="8" width="2.625" style="59" hidden="1" customWidth="1"/>
    <col min="9" max="16384" width="9" style="59"/>
  </cols>
  <sheetData>
    <row r="1" spans="1:16" s="73" customFormat="1" ht="18.75" customHeight="1" x14ac:dyDescent="0.15">
      <c r="A1" s="320" t="s">
        <v>134</v>
      </c>
      <c r="B1" s="320"/>
      <c r="C1" s="67"/>
      <c r="D1" s="67"/>
      <c r="E1" s="201"/>
      <c r="F1" s="233"/>
      <c r="G1" s="236"/>
      <c r="H1" s="67"/>
      <c r="I1" s="70"/>
      <c r="J1" s="70"/>
      <c r="K1" s="70"/>
      <c r="L1" s="71"/>
      <c r="M1" s="71"/>
      <c r="N1" s="71"/>
      <c r="O1" s="71"/>
      <c r="P1" s="72"/>
    </row>
    <row r="2" spans="1:16" x14ac:dyDescent="0.15">
      <c r="C2" s="68"/>
      <c r="D2" s="68"/>
      <c r="E2" s="68"/>
      <c r="F2" s="68"/>
      <c r="G2" s="237" t="s">
        <v>98</v>
      </c>
      <c r="H2" s="63"/>
    </row>
    <row r="3" spans="1:16" ht="13.5" x14ac:dyDescent="0.15">
      <c r="A3" s="61"/>
      <c r="B3" s="83"/>
      <c r="C3" s="181" t="s">
        <v>142</v>
      </c>
      <c r="D3" s="181" t="s">
        <v>143</v>
      </c>
      <c r="E3" s="181" t="s">
        <v>185</v>
      </c>
      <c r="F3" s="243" t="s">
        <v>209</v>
      </c>
      <c r="G3" s="249" t="s">
        <v>237</v>
      </c>
    </row>
    <row r="4" spans="1:16" x14ac:dyDescent="0.15">
      <c r="A4" s="61"/>
      <c r="B4" s="182" t="s">
        <v>51</v>
      </c>
      <c r="C4" s="183"/>
      <c r="D4" s="183"/>
      <c r="E4" s="183"/>
      <c r="F4" s="245"/>
      <c r="G4" s="250"/>
    </row>
    <row r="5" spans="1:16" x14ac:dyDescent="0.15">
      <c r="A5" s="63"/>
      <c r="B5" s="84" t="s">
        <v>171</v>
      </c>
      <c r="C5" s="28"/>
      <c r="D5" s="28"/>
      <c r="E5" s="28"/>
      <c r="F5" s="28"/>
      <c r="G5" s="184"/>
    </row>
    <row r="6" spans="1:16" x14ac:dyDescent="0.15">
      <c r="A6" s="63"/>
      <c r="B6" s="85" t="s">
        <v>44</v>
      </c>
      <c r="C6" s="28">
        <v>422302</v>
      </c>
      <c r="D6" s="28">
        <v>266648</v>
      </c>
      <c r="E6" s="28">
        <v>225049</v>
      </c>
      <c r="F6" s="28">
        <v>341917</v>
      </c>
      <c r="G6" s="184">
        <v>287361</v>
      </c>
    </row>
    <row r="7" spans="1:16" x14ac:dyDescent="0.15">
      <c r="A7" s="63"/>
      <c r="B7" s="85" t="s">
        <v>52</v>
      </c>
      <c r="C7" s="28">
        <v>471575</v>
      </c>
      <c r="D7" s="28">
        <v>534630</v>
      </c>
      <c r="E7" s="28">
        <v>423618</v>
      </c>
      <c r="F7" s="28">
        <v>457649</v>
      </c>
      <c r="G7" s="184" t="s">
        <v>242</v>
      </c>
    </row>
    <row r="8" spans="1:16" x14ac:dyDescent="0.15">
      <c r="A8" s="63"/>
      <c r="B8" s="85" t="s">
        <v>241</v>
      </c>
      <c r="C8" s="28" t="s">
        <v>242</v>
      </c>
      <c r="D8" s="28" t="s">
        <v>242</v>
      </c>
      <c r="E8" s="28" t="s">
        <v>242</v>
      </c>
      <c r="F8" s="28" t="s">
        <v>242</v>
      </c>
      <c r="G8" s="266">
        <v>487160</v>
      </c>
    </row>
    <row r="9" spans="1:16" x14ac:dyDescent="0.15">
      <c r="A9" s="63"/>
      <c r="B9" s="85" t="s">
        <v>276</v>
      </c>
      <c r="C9" s="28">
        <v>219714</v>
      </c>
      <c r="D9" s="28">
        <v>241481</v>
      </c>
      <c r="E9" s="28">
        <v>292840</v>
      </c>
      <c r="F9" s="28">
        <v>263066</v>
      </c>
      <c r="G9" s="184">
        <v>310283</v>
      </c>
    </row>
    <row r="10" spans="1:16" x14ac:dyDescent="0.15">
      <c r="B10" s="85" t="s">
        <v>36</v>
      </c>
      <c r="C10" s="28">
        <v>111718</v>
      </c>
      <c r="D10" s="28">
        <v>95045</v>
      </c>
      <c r="E10" s="28">
        <v>142268</v>
      </c>
      <c r="F10" s="28">
        <v>130098</v>
      </c>
      <c r="G10" s="184">
        <v>148165</v>
      </c>
    </row>
    <row r="11" spans="1:16" x14ac:dyDescent="0.15">
      <c r="B11" s="85" t="s">
        <v>53</v>
      </c>
      <c r="C11" s="161" t="s">
        <v>152</v>
      </c>
      <c r="D11" s="161" t="s">
        <v>194</v>
      </c>
      <c r="E11" s="29" t="s">
        <v>195</v>
      </c>
      <c r="F11" s="29" t="s">
        <v>213</v>
      </c>
      <c r="G11" s="185" t="s">
        <v>243</v>
      </c>
    </row>
    <row r="12" spans="1:16" x14ac:dyDescent="0.15">
      <c r="B12" s="79"/>
      <c r="C12" s="30">
        <v>1217193</v>
      </c>
      <c r="D12" s="30">
        <v>1131605</v>
      </c>
      <c r="E12" s="30">
        <v>1081148</v>
      </c>
      <c r="F12" s="30">
        <v>1188770</v>
      </c>
      <c r="G12" s="210">
        <v>1230628</v>
      </c>
    </row>
    <row r="13" spans="1:16" x14ac:dyDescent="0.15">
      <c r="A13" s="63"/>
      <c r="B13" s="84" t="s">
        <v>54</v>
      </c>
      <c r="C13" s="28"/>
      <c r="D13" s="28"/>
      <c r="E13" s="28"/>
      <c r="F13" s="28"/>
      <c r="G13" s="184"/>
    </row>
    <row r="14" spans="1:16" x14ac:dyDescent="0.15">
      <c r="A14" s="63"/>
      <c r="B14" s="85" t="s">
        <v>55</v>
      </c>
      <c r="C14" s="28"/>
      <c r="D14" s="28"/>
      <c r="E14" s="28"/>
      <c r="F14" s="28"/>
      <c r="G14" s="184"/>
    </row>
    <row r="15" spans="1:16" x14ac:dyDescent="0.15">
      <c r="A15" s="63"/>
      <c r="B15" s="86" t="s">
        <v>45</v>
      </c>
      <c r="C15" s="28">
        <v>625263</v>
      </c>
      <c r="D15" s="28">
        <v>642627</v>
      </c>
      <c r="E15" s="28">
        <v>647929</v>
      </c>
      <c r="F15" s="28">
        <v>675865</v>
      </c>
      <c r="G15" s="184">
        <v>689458</v>
      </c>
    </row>
    <row r="16" spans="1:16" x14ac:dyDescent="0.15">
      <c r="A16" s="63"/>
      <c r="B16" s="86" t="s">
        <v>46</v>
      </c>
      <c r="C16" s="28">
        <v>1209180</v>
      </c>
      <c r="D16" s="28">
        <v>1185002</v>
      </c>
      <c r="E16" s="28">
        <v>1151621</v>
      </c>
      <c r="F16" s="28">
        <v>1162607</v>
      </c>
      <c r="G16" s="184">
        <v>1191042</v>
      </c>
    </row>
    <row r="17" spans="1:7" x14ac:dyDescent="0.15">
      <c r="A17" s="63"/>
      <c r="B17" s="86" t="s">
        <v>47</v>
      </c>
      <c r="C17" s="28">
        <v>235418</v>
      </c>
      <c r="D17" s="28">
        <v>216977</v>
      </c>
      <c r="E17" s="28">
        <v>188295</v>
      </c>
      <c r="F17" s="28">
        <v>190705</v>
      </c>
      <c r="G17" s="184">
        <v>177359</v>
      </c>
    </row>
    <row r="18" spans="1:7" x14ac:dyDescent="0.15">
      <c r="A18" s="63"/>
      <c r="B18" s="86" t="s">
        <v>48</v>
      </c>
      <c r="C18" s="28">
        <v>92106</v>
      </c>
      <c r="D18" s="28">
        <v>83245</v>
      </c>
      <c r="E18" s="28">
        <v>82369</v>
      </c>
      <c r="F18" s="28">
        <v>83600</v>
      </c>
      <c r="G18" s="184">
        <v>83711</v>
      </c>
    </row>
    <row r="19" spans="1:7" x14ac:dyDescent="0.15">
      <c r="A19" s="63"/>
      <c r="B19" s="86" t="s">
        <v>49</v>
      </c>
      <c r="C19" s="28">
        <v>45848</v>
      </c>
      <c r="D19" s="28">
        <v>47133</v>
      </c>
      <c r="E19" s="28">
        <v>29442</v>
      </c>
      <c r="F19" s="28">
        <v>31822</v>
      </c>
      <c r="G19" s="184">
        <v>18395</v>
      </c>
    </row>
    <row r="20" spans="1:7" x14ac:dyDescent="0.15">
      <c r="A20" s="63"/>
      <c r="B20" s="86" t="s">
        <v>36</v>
      </c>
      <c r="C20" s="28">
        <v>49076</v>
      </c>
      <c r="D20" s="28">
        <v>44540</v>
      </c>
      <c r="E20" s="28">
        <v>50668</v>
      </c>
      <c r="F20" s="28">
        <v>48726</v>
      </c>
      <c r="G20" s="184">
        <v>48109</v>
      </c>
    </row>
    <row r="21" spans="1:7" x14ac:dyDescent="0.15">
      <c r="B21" s="86" t="s">
        <v>50</v>
      </c>
      <c r="C21" s="161" t="s">
        <v>153</v>
      </c>
      <c r="D21" s="161" t="s">
        <v>196</v>
      </c>
      <c r="E21" s="161" t="s">
        <v>197</v>
      </c>
      <c r="F21" s="161" t="s">
        <v>214</v>
      </c>
      <c r="G21" s="211" t="s">
        <v>244</v>
      </c>
    </row>
    <row r="22" spans="1:7" x14ac:dyDescent="0.15">
      <c r="B22" s="79"/>
      <c r="C22" s="30">
        <v>428595</v>
      </c>
      <c r="D22" s="30">
        <v>395663</v>
      </c>
      <c r="E22" s="30">
        <v>400948</v>
      </c>
      <c r="F22" s="30">
        <v>438486</v>
      </c>
      <c r="G22" s="210">
        <v>418260</v>
      </c>
    </row>
    <row r="23" spans="1:7" x14ac:dyDescent="0.15">
      <c r="B23" s="85" t="s">
        <v>56</v>
      </c>
      <c r="C23" s="28"/>
      <c r="D23" s="28"/>
      <c r="E23" s="28"/>
      <c r="F23" s="28"/>
      <c r="G23" s="184"/>
    </row>
    <row r="24" spans="1:7" x14ac:dyDescent="0.15">
      <c r="A24" s="63"/>
      <c r="B24" s="86" t="s">
        <v>57</v>
      </c>
      <c r="C24" s="28">
        <v>26041</v>
      </c>
      <c r="D24" s="28">
        <v>25760</v>
      </c>
      <c r="E24" s="28">
        <v>28203</v>
      </c>
      <c r="F24" s="28">
        <v>26557</v>
      </c>
      <c r="G24" s="184">
        <v>25954</v>
      </c>
    </row>
    <row r="25" spans="1:7" x14ac:dyDescent="0.15">
      <c r="A25" s="63"/>
      <c r="B25" s="86" t="s">
        <v>36</v>
      </c>
      <c r="C25" s="28">
        <v>18755</v>
      </c>
      <c r="D25" s="28">
        <v>13744</v>
      </c>
      <c r="E25" s="28">
        <v>17088</v>
      </c>
      <c r="F25" s="28">
        <v>18557</v>
      </c>
      <c r="G25" s="184">
        <v>16330</v>
      </c>
    </row>
    <row r="26" spans="1:7" x14ac:dyDescent="0.15">
      <c r="A26" s="63"/>
      <c r="B26" s="79"/>
      <c r="C26" s="30">
        <v>44797</v>
      </c>
      <c r="D26" s="30">
        <v>39505</v>
      </c>
      <c r="E26" s="30">
        <v>45292</v>
      </c>
      <c r="F26" s="30">
        <v>45114</v>
      </c>
      <c r="G26" s="210">
        <v>42285</v>
      </c>
    </row>
    <row r="27" spans="1:7" x14ac:dyDescent="0.15">
      <c r="A27" s="63"/>
      <c r="B27" s="85" t="s">
        <v>58</v>
      </c>
      <c r="C27" s="28"/>
      <c r="D27" s="28"/>
      <c r="E27" s="28"/>
      <c r="F27" s="28"/>
      <c r="G27" s="184"/>
    </row>
    <row r="28" spans="1:7" x14ac:dyDescent="0.15">
      <c r="B28" s="86" t="s">
        <v>59</v>
      </c>
      <c r="C28" s="28">
        <v>172061</v>
      </c>
      <c r="D28" s="28">
        <v>187097</v>
      </c>
      <c r="E28" s="28">
        <v>187542</v>
      </c>
      <c r="F28" s="28">
        <v>164181</v>
      </c>
      <c r="G28" s="184">
        <v>171392</v>
      </c>
    </row>
    <row r="29" spans="1:7" x14ac:dyDescent="0.15">
      <c r="A29" s="63"/>
      <c r="B29" s="86" t="s">
        <v>36</v>
      </c>
      <c r="C29" s="28">
        <v>47888</v>
      </c>
      <c r="D29" s="28">
        <v>97153</v>
      </c>
      <c r="E29" s="28">
        <v>99402</v>
      </c>
      <c r="F29" s="28">
        <v>92042</v>
      </c>
      <c r="G29" s="295">
        <v>96280</v>
      </c>
    </row>
    <row r="30" spans="1:7" x14ac:dyDescent="0.15">
      <c r="A30" s="63"/>
      <c r="B30" s="86" t="s">
        <v>53</v>
      </c>
      <c r="C30" s="29" t="s">
        <v>154</v>
      </c>
      <c r="D30" s="29" t="s">
        <v>155</v>
      </c>
      <c r="E30" s="29" t="s">
        <v>198</v>
      </c>
      <c r="F30" s="29" t="s">
        <v>215</v>
      </c>
      <c r="G30" s="185" t="s">
        <v>245</v>
      </c>
    </row>
    <row r="31" spans="1:7" x14ac:dyDescent="0.15">
      <c r="A31" s="63"/>
      <c r="B31" s="79"/>
      <c r="C31" s="30">
        <v>217854</v>
      </c>
      <c r="D31" s="30">
        <v>281771</v>
      </c>
      <c r="E31" s="30">
        <v>284518</v>
      </c>
      <c r="F31" s="30">
        <v>254855</v>
      </c>
      <c r="G31" s="210">
        <v>265114</v>
      </c>
    </row>
    <row r="32" spans="1:7" x14ac:dyDescent="0.15">
      <c r="A32" s="63"/>
      <c r="B32" s="79"/>
      <c r="C32" s="31">
        <v>691247</v>
      </c>
      <c r="D32" s="31">
        <v>716940</v>
      </c>
      <c r="E32" s="31">
        <v>730759</v>
      </c>
      <c r="F32" s="31">
        <v>738456</v>
      </c>
      <c r="G32" s="212">
        <v>725660</v>
      </c>
    </row>
    <row r="33" spans="1:7" x14ac:dyDescent="0.15">
      <c r="B33" s="84" t="s">
        <v>60</v>
      </c>
      <c r="C33" s="32"/>
      <c r="D33" s="32"/>
      <c r="E33" s="32"/>
      <c r="F33" s="246"/>
      <c r="G33" s="251"/>
    </row>
    <row r="34" spans="1:7" x14ac:dyDescent="0.15">
      <c r="A34" s="63"/>
      <c r="B34" s="85" t="s">
        <v>61</v>
      </c>
      <c r="C34" s="32">
        <v>21</v>
      </c>
      <c r="D34" s="32">
        <v>6</v>
      </c>
      <c r="E34" s="32" t="s">
        <v>31</v>
      </c>
      <c r="F34" s="108" t="s">
        <v>96</v>
      </c>
      <c r="G34" s="186" t="s">
        <v>31</v>
      </c>
    </row>
    <row r="35" spans="1:7" hidden="1" x14ac:dyDescent="0.15">
      <c r="A35" s="63"/>
      <c r="B35" s="85"/>
      <c r="C35" s="32"/>
      <c r="D35" s="32"/>
      <c r="E35" s="32"/>
      <c r="F35" s="288"/>
      <c r="G35" s="289"/>
    </row>
    <row r="36" spans="1:7" x14ac:dyDescent="0.15">
      <c r="B36" s="77" t="s">
        <v>62</v>
      </c>
      <c r="C36" s="290">
        <v>1908461</v>
      </c>
      <c r="D36" s="290">
        <v>1848551</v>
      </c>
      <c r="E36" s="290">
        <v>1811907</v>
      </c>
      <c r="F36" s="290">
        <v>1927226</v>
      </c>
      <c r="G36" s="291">
        <v>1956288</v>
      </c>
    </row>
    <row r="37" spans="1:7" x14ac:dyDescent="0.15">
      <c r="B37" s="158"/>
      <c r="C37" s="28"/>
      <c r="D37" s="28"/>
      <c r="E37" s="28"/>
      <c r="F37" s="28"/>
      <c r="G37" s="28"/>
    </row>
    <row r="38" spans="1:7" ht="76.5" customHeight="1" x14ac:dyDescent="0.15">
      <c r="A38" s="63"/>
      <c r="B38" s="158"/>
      <c r="C38" s="28"/>
      <c r="D38" s="28"/>
      <c r="E38" s="28"/>
      <c r="F38" s="28"/>
      <c r="G38" s="28"/>
    </row>
    <row r="39" spans="1:7" ht="10.5" customHeight="1" x14ac:dyDescent="0.15">
      <c r="A39" s="63"/>
      <c r="B39" s="158"/>
      <c r="C39" s="28"/>
      <c r="D39" s="28"/>
      <c r="E39" s="28"/>
      <c r="F39" s="28"/>
      <c r="G39" s="28"/>
    </row>
    <row r="40" spans="1:7" x14ac:dyDescent="0.15">
      <c r="A40" s="63"/>
      <c r="B40" s="158"/>
      <c r="C40" s="28"/>
      <c r="D40" s="28"/>
      <c r="E40" s="28"/>
      <c r="F40" s="28"/>
      <c r="G40" s="28"/>
    </row>
    <row r="41" spans="1:7" ht="14.25" x14ac:dyDescent="0.15">
      <c r="A41" s="61"/>
      <c r="B41" s="178"/>
      <c r="C41" s="169" t="s">
        <v>142</v>
      </c>
      <c r="D41" s="169" t="s">
        <v>143</v>
      </c>
      <c r="E41" s="169" t="s">
        <v>185</v>
      </c>
      <c r="F41" s="243" t="s">
        <v>209</v>
      </c>
      <c r="G41" s="252" t="s">
        <v>238</v>
      </c>
    </row>
    <row r="42" spans="1:7" x14ac:dyDescent="0.15">
      <c r="B42" s="179" t="s">
        <v>63</v>
      </c>
      <c r="C42" s="75"/>
      <c r="D42" s="75"/>
      <c r="E42" s="75"/>
      <c r="F42" s="244"/>
      <c r="G42" s="253"/>
    </row>
    <row r="43" spans="1:7" x14ac:dyDescent="0.15">
      <c r="B43" s="84" t="s">
        <v>64</v>
      </c>
      <c r="C43" s="33"/>
      <c r="D43" s="33"/>
      <c r="E43" s="33"/>
      <c r="F43" s="33"/>
      <c r="G43" s="175"/>
    </row>
    <row r="44" spans="1:7" x14ac:dyDescent="0.15">
      <c r="A44" s="63"/>
      <c r="B44" s="85" t="s">
        <v>65</v>
      </c>
      <c r="C44" s="29">
        <v>384966</v>
      </c>
      <c r="D44" s="29">
        <v>372001</v>
      </c>
      <c r="E44" s="29">
        <v>311999</v>
      </c>
      <c r="F44" s="29">
        <v>361825</v>
      </c>
      <c r="G44" s="174">
        <v>379394</v>
      </c>
    </row>
    <row r="45" spans="1:7" x14ac:dyDescent="0.15">
      <c r="A45" s="63"/>
      <c r="B45" s="85" t="s">
        <v>66</v>
      </c>
      <c r="C45" s="29">
        <v>44511</v>
      </c>
      <c r="D45" s="29">
        <v>38149</v>
      </c>
      <c r="E45" s="29">
        <v>36331</v>
      </c>
      <c r="F45" s="29">
        <v>34597</v>
      </c>
      <c r="G45" s="174">
        <v>42980</v>
      </c>
    </row>
    <row r="46" spans="1:7" x14ac:dyDescent="0.15">
      <c r="A46" s="63"/>
      <c r="B46" s="85" t="s">
        <v>67</v>
      </c>
      <c r="C46" s="29">
        <v>81256</v>
      </c>
      <c r="D46" s="29">
        <v>81446</v>
      </c>
      <c r="E46" s="29">
        <v>237726</v>
      </c>
      <c r="F46" s="29">
        <v>163028</v>
      </c>
      <c r="G46" s="174">
        <v>54300</v>
      </c>
    </row>
    <row r="47" spans="1:7" x14ac:dyDescent="0.15">
      <c r="A47" s="63"/>
      <c r="B47" s="85" t="s">
        <v>68</v>
      </c>
      <c r="C47" s="29">
        <v>10000</v>
      </c>
      <c r="D47" s="29">
        <v>30000</v>
      </c>
      <c r="E47" s="29" t="s">
        <v>31</v>
      </c>
      <c r="F47" s="29" t="s">
        <v>96</v>
      </c>
      <c r="G47" s="174" t="s">
        <v>31</v>
      </c>
    </row>
    <row r="48" spans="1:7" x14ac:dyDescent="0.15">
      <c r="B48" s="85" t="s">
        <v>69</v>
      </c>
      <c r="C48" s="29">
        <v>132373</v>
      </c>
      <c r="D48" s="29">
        <v>114065</v>
      </c>
      <c r="E48" s="29">
        <v>97446</v>
      </c>
      <c r="F48" s="29">
        <v>105282</v>
      </c>
      <c r="G48" s="174">
        <v>106398</v>
      </c>
    </row>
    <row r="49" spans="1:7" x14ac:dyDescent="0.15">
      <c r="B49" s="85" t="s">
        <v>70</v>
      </c>
      <c r="C49" s="29">
        <v>20859</v>
      </c>
      <c r="D49" s="29">
        <v>20639</v>
      </c>
      <c r="E49" s="29">
        <v>18634</v>
      </c>
      <c r="F49" s="29">
        <v>18573</v>
      </c>
      <c r="G49" s="174">
        <v>18506</v>
      </c>
    </row>
    <row r="50" spans="1:7" x14ac:dyDescent="0.15">
      <c r="B50" s="85" t="s">
        <v>71</v>
      </c>
      <c r="C50" s="29">
        <v>18135</v>
      </c>
      <c r="D50" s="29">
        <v>20447</v>
      </c>
      <c r="E50" s="29">
        <v>15967</v>
      </c>
      <c r="F50" s="29">
        <v>18897</v>
      </c>
      <c r="G50" s="174">
        <v>19750</v>
      </c>
    </row>
    <row r="51" spans="1:7" x14ac:dyDescent="0.15">
      <c r="B51" s="85" t="s">
        <v>132</v>
      </c>
      <c r="C51" s="29">
        <v>14392</v>
      </c>
      <c r="D51" s="29">
        <v>10222</v>
      </c>
      <c r="E51" s="29">
        <v>6918</v>
      </c>
      <c r="F51" s="29">
        <v>8433</v>
      </c>
      <c r="G51" s="174">
        <v>9586</v>
      </c>
    </row>
    <row r="52" spans="1:7" x14ac:dyDescent="0.15">
      <c r="B52" s="85" t="s">
        <v>119</v>
      </c>
      <c r="C52" s="29">
        <v>21369</v>
      </c>
      <c r="D52" s="29">
        <v>17123</v>
      </c>
      <c r="E52" s="29">
        <v>17133</v>
      </c>
      <c r="F52" s="29" t="s">
        <v>246</v>
      </c>
      <c r="G52" s="174" t="s">
        <v>246</v>
      </c>
    </row>
    <row r="53" spans="1:7" x14ac:dyDescent="0.15">
      <c r="A53" s="63"/>
      <c r="B53" s="85" t="s">
        <v>36</v>
      </c>
      <c r="C53" s="29">
        <v>105602</v>
      </c>
      <c r="D53" s="29">
        <v>107782</v>
      </c>
      <c r="E53" s="29">
        <v>122425</v>
      </c>
      <c r="F53" s="29">
        <v>174945</v>
      </c>
      <c r="G53" s="296">
        <v>177280</v>
      </c>
    </row>
    <row r="54" spans="1:7" x14ac:dyDescent="0.15">
      <c r="A54" s="63"/>
      <c r="B54" s="79"/>
      <c r="C54" s="180">
        <v>833467</v>
      </c>
      <c r="D54" s="180">
        <v>811878</v>
      </c>
      <c r="E54" s="180">
        <v>864583</v>
      </c>
      <c r="F54" s="247">
        <v>885582</v>
      </c>
      <c r="G54" s="213">
        <v>808198</v>
      </c>
    </row>
    <row r="55" spans="1:7" x14ac:dyDescent="0.15">
      <c r="A55" s="63"/>
      <c r="B55" s="84" t="s">
        <v>72</v>
      </c>
      <c r="C55" s="33"/>
      <c r="D55" s="33"/>
      <c r="E55" s="33"/>
      <c r="F55" s="33"/>
      <c r="G55" s="175"/>
    </row>
    <row r="56" spans="1:7" x14ac:dyDescent="0.15">
      <c r="A56" s="63"/>
      <c r="B56" s="85" t="s">
        <v>73</v>
      </c>
      <c r="C56" s="29">
        <v>30000</v>
      </c>
      <c r="D56" s="29" t="s">
        <v>31</v>
      </c>
      <c r="E56" s="29" t="s">
        <v>31</v>
      </c>
      <c r="F56" s="29" t="s">
        <v>31</v>
      </c>
      <c r="G56" s="174" t="s">
        <v>242</v>
      </c>
    </row>
    <row r="57" spans="1:7" x14ac:dyDescent="0.15">
      <c r="A57" s="63"/>
      <c r="B57" s="85" t="s">
        <v>74</v>
      </c>
      <c r="C57" s="29">
        <v>507027</v>
      </c>
      <c r="D57" s="29">
        <v>538205</v>
      </c>
      <c r="E57" s="29">
        <v>538744</v>
      </c>
      <c r="F57" s="29">
        <v>561893</v>
      </c>
      <c r="G57" s="174">
        <v>572270</v>
      </c>
    </row>
    <row r="58" spans="1:7" x14ac:dyDescent="0.15">
      <c r="B58" s="85" t="s">
        <v>75</v>
      </c>
      <c r="C58" s="29">
        <v>101101</v>
      </c>
      <c r="D58" s="29">
        <v>106636</v>
      </c>
      <c r="E58" s="29">
        <v>103217</v>
      </c>
      <c r="F58" s="29">
        <v>83558</v>
      </c>
      <c r="G58" s="174">
        <v>73630</v>
      </c>
    </row>
    <row r="59" spans="1:7" x14ac:dyDescent="0.15">
      <c r="B59" s="85" t="s">
        <v>36</v>
      </c>
      <c r="C59" s="29">
        <v>35151</v>
      </c>
      <c r="D59" s="29">
        <v>34499</v>
      </c>
      <c r="E59" s="29">
        <v>34402</v>
      </c>
      <c r="F59" s="29">
        <v>32053</v>
      </c>
      <c r="G59" s="174">
        <v>32919</v>
      </c>
    </row>
    <row r="60" spans="1:7" x14ac:dyDescent="0.15">
      <c r="A60" s="63"/>
      <c r="B60" s="79"/>
      <c r="C60" s="180">
        <v>673280</v>
      </c>
      <c r="D60" s="180">
        <v>679341</v>
      </c>
      <c r="E60" s="180">
        <v>676365</v>
      </c>
      <c r="F60" s="247">
        <v>677505</v>
      </c>
      <c r="G60" s="213">
        <v>678820</v>
      </c>
    </row>
    <row r="61" spans="1:7" x14ac:dyDescent="0.15">
      <c r="A61" s="63"/>
      <c r="B61" s="84" t="s">
        <v>76</v>
      </c>
      <c r="C61" s="180">
        <v>1506748</v>
      </c>
      <c r="D61" s="180">
        <v>1491220</v>
      </c>
      <c r="E61" s="180">
        <v>1540948</v>
      </c>
      <c r="F61" s="247">
        <v>1563087</v>
      </c>
      <c r="G61" s="213">
        <v>1487018</v>
      </c>
    </row>
    <row r="62" spans="1:7" x14ac:dyDescent="0.15">
      <c r="A62" s="63"/>
      <c r="B62" s="179" t="s">
        <v>77</v>
      </c>
      <c r="C62" s="29"/>
      <c r="D62" s="29"/>
      <c r="E62" s="29"/>
      <c r="F62" s="29"/>
      <c r="G62" s="174"/>
    </row>
    <row r="63" spans="1:7" x14ac:dyDescent="0.15">
      <c r="A63" s="63"/>
      <c r="B63" s="84" t="s">
        <v>78</v>
      </c>
      <c r="C63" s="33"/>
      <c r="D63" s="33"/>
      <c r="E63" s="33"/>
      <c r="F63" s="33"/>
      <c r="G63" s="175"/>
    </row>
    <row r="64" spans="1:7" x14ac:dyDescent="0.15">
      <c r="A64" s="63"/>
      <c r="B64" s="85" t="s">
        <v>79</v>
      </c>
      <c r="C64" s="29">
        <v>5000</v>
      </c>
      <c r="D64" s="29">
        <v>5000</v>
      </c>
      <c r="E64" s="29">
        <v>5000</v>
      </c>
      <c r="F64" s="29">
        <v>5000</v>
      </c>
      <c r="G64" s="174">
        <v>5000</v>
      </c>
    </row>
    <row r="65" spans="1:8" x14ac:dyDescent="0.15">
      <c r="A65" s="63"/>
      <c r="B65" s="85" t="s">
        <v>80</v>
      </c>
      <c r="C65" s="29">
        <v>295332</v>
      </c>
      <c r="D65" s="29">
        <v>208725</v>
      </c>
      <c r="E65" s="29">
        <v>108853</v>
      </c>
      <c r="F65" s="29">
        <v>109126</v>
      </c>
      <c r="G65" s="174">
        <v>108623</v>
      </c>
    </row>
    <row r="66" spans="1:8" x14ac:dyDescent="0.15">
      <c r="A66" s="63"/>
      <c r="B66" s="85" t="s">
        <v>81</v>
      </c>
      <c r="C66" s="29">
        <v>204906</v>
      </c>
      <c r="D66" s="29">
        <v>247826</v>
      </c>
      <c r="E66" s="29">
        <v>247283</v>
      </c>
      <c r="F66" s="29">
        <v>289551</v>
      </c>
      <c r="G66" s="174">
        <v>345218</v>
      </c>
    </row>
    <row r="67" spans="1:8" x14ac:dyDescent="0.15">
      <c r="A67" s="63"/>
      <c r="B67" s="85" t="s">
        <v>82</v>
      </c>
      <c r="C67" s="29" t="s">
        <v>156</v>
      </c>
      <c r="D67" s="29" t="s">
        <v>157</v>
      </c>
      <c r="E67" s="29" t="s">
        <v>199</v>
      </c>
      <c r="F67" s="248" t="s">
        <v>216</v>
      </c>
      <c r="G67" s="190" t="s">
        <v>247</v>
      </c>
    </row>
    <row r="68" spans="1:8" x14ac:dyDescent="0.15">
      <c r="A68" s="63"/>
      <c r="B68" s="79"/>
      <c r="C68" s="180">
        <v>491302</v>
      </c>
      <c r="D68" s="180">
        <v>447564</v>
      </c>
      <c r="E68" s="180">
        <v>347143</v>
      </c>
      <c r="F68" s="247">
        <v>389624</v>
      </c>
      <c r="G68" s="213">
        <v>445094</v>
      </c>
    </row>
    <row r="69" spans="1:8" x14ac:dyDescent="0.15">
      <c r="A69" s="63"/>
      <c r="B69" s="84" t="s">
        <v>83</v>
      </c>
      <c r="C69" s="33"/>
      <c r="D69" s="33"/>
      <c r="E69" s="33"/>
      <c r="F69" s="33"/>
      <c r="G69" s="175"/>
    </row>
    <row r="70" spans="1:8" x14ac:dyDescent="0.15">
      <c r="A70" s="63"/>
      <c r="B70" s="87" t="s">
        <v>84</v>
      </c>
      <c r="C70" s="29">
        <v>16876</v>
      </c>
      <c r="D70" s="29">
        <v>13531</v>
      </c>
      <c r="E70" s="29">
        <v>8048</v>
      </c>
      <c r="F70" s="29">
        <v>16617</v>
      </c>
      <c r="G70" s="174">
        <v>20169</v>
      </c>
    </row>
    <row r="71" spans="1:8" x14ac:dyDescent="0.15">
      <c r="A71" s="63"/>
      <c r="B71" s="85" t="s">
        <v>85</v>
      </c>
      <c r="C71" s="29" t="s">
        <v>158</v>
      </c>
      <c r="D71" s="29" t="s">
        <v>159</v>
      </c>
      <c r="E71" s="29">
        <v>846</v>
      </c>
      <c r="F71" s="29">
        <v>1086</v>
      </c>
      <c r="G71" s="174">
        <v>1835</v>
      </c>
    </row>
    <row r="72" spans="1:8" x14ac:dyDescent="0.15">
      <c r="A72" s="63"/>
      <c r="B72" s="85" t="s">
        <v>86</v>
      </c>
      <c r="C72" s="29" t="s">
        <v>160</v>
      </c>
      <c r="D72" s="29" t="s">
        <v>200</v>
      </c>
      <c r="E72" s="29" t="s">
        <v>201</v>
      </c>
      <c r="F72" s="29" t="s">
        <v>217</v>
      </c>
      <c r="G72" s="174" t="s">
        <v>248</v>
      </c>
    </row>
    <row r="73" spans="1:8" x14ac:dyDescent="0.15">
      <c r="A73" s="63"/>
      <c r="B73" s="87" t="s">
        <v>41</v>
      </c>
      <c r="C73" s="156" t="s">
        <v>161</v>
      </c>
      <c r="D73" s="156" t="s">
        <v>162</v>
      </c>
      <c r="E73" s="156" t="s">
        <v>202</v>
      </c>
      <c r="F73" s="156" t="s">
        <v>218</v>
      </c>
      <c r="G73" s="176" t="s">
        <v>249</v>
      </c>
    </row>
    <row r="74" spans="1:8" x14ac:dyDescent="0.15">
      <c r="B74" s="79"/>
      <c r="C74" s="29" t="s">
        <v>163</v>
      </c>
      <c r="D74" s="29" t="s">
        <v>203</v>
      </c>
      <c r="E74" s="29" t="s">
        <v>204</v>
      </c>
      <c r="F74" s="29" t="s">
        <v>219</v>
      </c>
      <c r="G74" s="174">
        <v>9173</v>
      </c>
    </row>
    <row r="75" spans="1:8" x14ac:dyDescent="0.15">
      <c r="B75" s="84" t="s">
        <v>141</v>
      </c>
      <c r="C75" s="34">
        <v>106</v>
      </c>
      <c r="D75" s="28">
        <v>235</v>
      </c>
      <c r="E75" s="28">
        <v>293</v>
      </c>
      <c r="F75" s="28">
        <v>297</v>
      </c>
      <c r="G75" s="177">
        <v>304</v>
      </c>
    </row>
    <row r="76" spans="1:8" x14ac:dyDescent="0.15">
      <c r="B76" s="84" t="s">
        <v>120</v>
      </c>
      <c r="C76" s="29">
        <v>23265</v>
      </c>
      <c r="D76" s="29">
        <v>15642</v>
      </c>
      <c r="E76" s="29">
        <v>14392</v>
      </c>
      <c r="F76" s="29">
        <v>13493</v>
      </c>
      <c r="G76" s="174">
        <v>14696</v>
      </c>
    </row>
    <row r="77" spans="1:8" x14ac:dyDescent="0.15">
      <c r="B77" s="84" t="s">
        <v>87</v>
      </c>
      <c r="C77" s="180">
        <v>401713</v>
      </c>
      <c r="D77" s="180">
        <v>357331</v>
      </c>
      <c r="E77" s="180">
        <v>270959</v>
      </c>
      <c r="F77" s="247">
        <v>364139</v>
      </c>
      <c r="G77" s="213">
        <v>469269</v>
      </c>
    </row>
    <row r="78" spans="1:8" x14ac:dyDescent="0.15">
      <c r="B78" s="191" t="s">
        <v>172</v>
      </c>
      <c r="C78" s="180">
        <v>1908461</v>
      </c>
      <c r="D78" s="180">
        <v>1848551</v>
      </c>
      <c r="E78" s="180">
        <v>1811907</v>
      </c>
      <c r="F78" s="247">
        <v>1927226</v>
      </c>
      <c r="G78" s="213">
        <v>1956288</v>
      </c>
    </row>
    <row r="79" spans="1:8" x14ac:dyDescent="0.15">
      <c r="B79" s="315"/>
      <c r="C79" s="315"/>
      <c r="D79" s="315"/>
      <c r="E79" s="315"/>
      <c r="F79" s="315"/>
      <c r="G79" s="315"/>
      <c r="H79" s="315"/>
    </row>
    <row r="80" spans="1:8" x14ac:dyDescent="0.15">
      <c r="B80" s="62"/>
      <c r="H80" s="63"/>
    </row>
    <row r="81" spans="1:7" x14ac:dyDescent="0.15">
      <c r="B81" s="158"/>
      <c r="C81" s="29"/>
      <c r="D81" s="29"/>
      <c r="E81" s="29"/>
      <c r="F81" s="29"/>
      <c r="G81" s="29"/>
    </row>
    <row r="82" spans="1:7" x14ac:dyDescent="0.15">
      <c r="A82" s="63"/>
      <c r="B82" s="157"/>
      <c r="C82" s="29"/>
      <c r="D82" s="29"/>
      <c r="E82" s="29"/>
      <c r="F82" s="29"/>
      <c r="G82" s="29"/>
    </row>
  </sheetData>
  <mergeCells count="2">
    <mergeCell ref="A1:B1"/>
    <mergeCell ref="B79:H79"/>
  </mergeCells>
  <phoneticPr fontId="2"/>
  <pageMargins left="0.70866141732283472" right="0.70866141732283472" top="0.74803149606299213" bottom="0.74803149606299213" header="0.31496062992125984" footer="0.31496062992125984"/>
  <pageSetup paperSize="9" fitToHeight="2" orientation="landscape"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Q90"/>
  <sheetViews>
    <sheetView showGridLines="0" zoomScaleNormal="100" zoomScaleSheetLayoutView="85" workbookViewId="0">
      <selection activeCell="A2" sqref="A2"/>
    </sheetView>
  </sheetViews>
  <sheetFormatPr defaultRowHeight="12" x14ac:dyDescent="0.15"/>
  <cols>
    <col min="1" max="1" width="2.625" style="1" customWidth="1"/>
    <col min="2" max="2" width="38.625" style="1" customWidth="1"/>
    <col min="3" max="3" width="3.125" style="1" customWidth="1"/>
    <col min="4" max="7" width="17.375" style="1" customWidth="1"/>
    <col min="8" max="8" width="17.375" style="7" customWidth="1"/>
    <col min="9" max="9" width="2.5" style="1" customWidth="1"/>
    <col min="10" max="16384" width="9" style="1"/>
  </cols>
  <sheetData>
    <row r="1" spans="1:17" s="73" customFormat="1" ht="18.75" customHeight="1" x14ac:dyDescent="0.15">
      <c r="A1" s="67" t="s">
        <v>108</v>
      </c>
      <c r="B1" s="69"/>
      <c r="C1" s="70"/>
      <c r="D1" s="67"/>
      <c r="E1" s="67"/>
      <c r="F1" s="201"/>
      <c r="G1" s="233"/>
      <c r="H1" s="236"/>
      <c r="I1" s="67"/>
      <c r="J1" s="70"/>
      <c r="K1" s="70"/>
      <c r="L1" s="70"/>
      <c r="M1" s="71"/>
      <c r="N1" s="71"/>
      <c r="O1" s="71"/>
      <c r="P1" s="71"/>
      <c r="Q1" s="72"/>
    </row>
    <row r="2" spans="1:17" ht="20.25" x14ac:dyDescent="0.15">
      <c r="B2" s="5"/>
      <c r="D2" s="39"/>
      <c r="E2" s="39"/>
      <c r="F2" s="39"/>
      <c r="G2" s="39"/>
      <c r="H2" s="257" t="s">
        <v>98</v>
      </c>
    </row>
    <row r="3" spans="1:17" ht="16.5" customHeight="1" x14ac:dyDescent="0.15">
      <c r="A3" s="2"/>
      <c r="B3" s="6"/>
      <c r="C3" s="3"/>
      <c r="D3" s="58" t="s">
        <v>142</v>
      </c>
      <c r="E3" s="58" t="s">
        <v>143</v>
      </c>
      <c r="F3" s="170" t="s">
        <v>185</v>
      </c>
      <c r="G3" s="256" t="s">
        <v>209</v>
      </c>
      <c r="H3" s="258" t="s">
        <v>235</v>
      </c>
      <c r="I3" s="160"/>
    </row>
    <row r="4" spans="1:17" ht="27" customHeight="1" x14ac:dyDescent="0.15">
      <c r="A4" s="2"/>
      <c r="B4" s="56" t="s">
        <v>1</v>
      </c>
      <c r="C4" s="12"/>
      <c r="D4" s="66">
        <v>2427271</v>
      </c>
      <c r="E4" s="66">
        <v>2394767</v>
      </c>
      <c r="F4" s="214">
        <v>2262284</v>
      </c>
      <c r="G4" s="254">
        <v>2425910</v>
      </c>
      <c r="H4" s="259">
        <v>2495588</v>
      </c>
      <c r="I4" s="7"/>
    </row>
    <row r="5" spans="1:17" s="59" customFormat="1" ht="27" customHeight="1" x14ac:dyDescent="0.15">
      <c r="A5" s="63"/>
      <c r="B5" s="141" t="s">
        <v>140</v>
      </c>
      <c r="C5" s="119"/>
      <c r="D5" s="142">
        <v>2023007</v>
      </c>
      <c r="E5" s="142">
        <v>1974699</v>
      </c>
      <c r="F5" s="142">
        <v>1857007</v>
      </c>
      <c r="G5" s="142">
        <v>2004593</v>
      </c>
      <c r="H5" s="215">
        <v>2063864</v>
      </c>
    </row>
    <row r="6" spans="1:17" ht="27" customHeight="1" x14ac:dyDescent="0.15">
      <c r="A6" s="7"/>
      <c r="B6" s="55" t="s">
        <v>88</v>
      </c>
      <c r="C6" s="9"/>
      <c r="D6" s="37">
        <v>404264</v>
      </c>
      <c r="E6" s="37">
        <v>420068</v>
      </c>
      <c r="F6" s="171">
        <v>405277</v>
      </c>
      <c r="G6" s="255">
        <v>421316</v>
      </c>
      <c r="H6" s="260">
        <v>431723</v>
      </c>
      <c r="I6" s="7"/>
    </row>
    <row r="7" spans="1:17" ht="27" customHeight="1" x14ac:dyDescent="0.15">
      <c r="A7" s="7"/>
      <c r="B7" s="55" t="s">
        <v>89</v>
      </c>
      <c r="C7" s="9"/>
      <c r="D7" s="38">
        <v>314138</v>
      </c>
      <c r="E7" s="38">
        <v>342679</v>
      </c>
      <c r="F7" s="38">
        <v>353812</v>
      </c>
      <c r="G7" s="38">
        <v>338204</v>
      </c>
      <c r="H7" s="76">
        <v>347006</v>
      </c>
      <c r="I7" s="7"/>
    </row>
    <row r="8" spans="1:17" ht="27" customHeight="1" x14ac:dyDescent="0.15">
      <c r="A8" s="7"/>
      <c r="B8" s="55" t="s">
        <v>225</v>
      </c>
      <c r="C8" s="9"/>
      <c r="D8" s="38">
        <v>90125</v>
      </c>
      <c r="E8" s="38">
        <v>77388</v>
      </c>
      <c r="F8" s="38">
        <v>51464</v>
      </c>
      <c r="G8" s="38">
        <v>83112</v>
      </c>
      <c r="H8" s="76">
        <v>84716</v>
      </c>
      <c r="I8" s="7"/>
    </row>
    <row r="9" spans="1:17" ht="27" customHeight="1" x14ac:dyDescent="0.15">
      <c r="A9" s="7"/>
      <c r="B9" s="55" t="s">
        <v>90</v>
      </c>
      <c r="C9" s="9"/>
      <c r="D9" s="35">
        <v>22219</v>
      </c>
      <c r="E9" s="35">
        <v>22954</v>
      </c>
      <c r="F9" s="35">
        <v>21644</v>
      </c>
      <c r="G9" s="35">
        <v>22590</v>
      </c>
      <c r="H9" s="261">
        <v>50038</v>
      </c>
      <c r="I9" s="7"/>
    </row>
    <row r="10" spans="1:17" ht="27" customHeight="1" x14ac:dyDescent="0.15">
      <c r="A10" s="7"/>
      <c r="B10" s="55" t="s">
        <v>91</v>
      </c>
      <c r="C10" s="9"/>
      <c r="D10" s="35">
        <v>23024</v>
      </c>
      <c r="E10" s="35">
        <v>37494</v>
      </c>
      <c r="F10" s="35">
        <v>22933</v>
      </c>
      <c r="G10" s="35">
        <v>42527</v>
      </c>
      <c r="H10" s="261">
        <v>19790</v>
      </c>
      <c r="I10" s="7"/>
    </row>
    <row r="11" spans="1:17" ht="27" customHeight="1" x14ac:dyDescent="0.15">
      <c r="B11" s="55" t="s">
        <v>226</v>
      </c>
      <c r="C11" s="9"/>
      <c r="D11" s="38">
        <v>89320</v>
      </c>
      <c r="E11" s="38">
        <v>62849</v>
      </c>
      <c r="F11" s="38">
        <v>50175</v>
      </c>
      <c r="G11" s="38">
        <v>63175</v>
      </c>
      <c r="H11" s="76">
        <v>114964</v>
      </c>
    </row>
    <row r="12" spans="1:17" ht="27" customHeight="1" x14ac:dyDescent="0.15">
      <c r="B12" s="55" t="s">
        <v>92</v>
      </c>
      <c r="C12" s="9"/>
      <c r="D12" s="37">
        <v>5087</v>
      </c>
      <c r="E12" s="37">
        <v>14716</v>
      </c>
      <c r="F12" s="171">
        <v>6256</v>
      </c>
      <c r="G12" s="255">
        <v>12357</v>
      </c>
      <c r="H12" s="260">
        <v>12993</v>
      </c>
    </row>
    <row r="13" spans="1:17" ht="27" customHeight="1" x14ac:dyDescent="0.15">
      <c r="B13" s="55" t="s">
        <v>93</v>
      </c>
      <c r="C13" s="9"/>
      <c r="D13" s="36">
        <v>4991</v>
      </c>
      <c r="E13" s="36">
        <v>19136</v>
      </c>
      <c r="F13" s="142">
        <v>24100</v>
      </c>
      <c r="G13" s="142">
        <v>9090</v>
      </c>
      <c r="H13" s="215">
        <v>38156</v>
      </c>
    </row>
    <row r="14" spans="1:17" ht="27" customHeight="1" x14ac:dyDescent="0.15">
      <c r="A14" s="7"/>
      <c r="B14" s="55" t="s">
        <v>280</v>
      </c>
      <c r="C14" s="9"/>
      <c r="D14" s="35">
        <v>89416</v>
      </c>
      <c r="E14" s="35">
        <v>58428</v>
      </c>
      <c r="F14" s="35">
        <v>32331</v>
      </c>
      <c r="G14" s="35">
        <v>66442</v>
      </c>
      <c r="H14" s="261">
        <v>89802</v>
      </c>
      <c r="I14" s="7"/>
    </row>
    <row r="15" spans="1:17" ht="27" customHeight="1" x14ac:dyDescent="0.15">
      <c r="A15" s="7"/>
      <c r="B15" s="55" t="s">
        <v>279</v>
      </c>
      <c r="C15" s="9"/>
      <c r="D15" s="37">
        <v>14238</v>
      </c>
      <c r="E15" s="37">
        <v>13698</v>
      </c>
      <c r="F15" s="171">
        <v>11820</v>
      </c>
      <c r="G15" s="255">
        <v>14657</v>
      </c>
      <c r="H15" s="260">
        <v>17230</v>
      </c>
      <c r="I15" s="7"/>
    </row>
    <row r="16" spans="1:17" ht="27" customHeight="1" x14ac:dyDescent="0.15">
      <c r="A16" s="7"/>
      <c r="B16" s="55" t="s">
        <v>94</v>
      </c>
      <c r="C16" s="9"/>
      <c r="D16" s="36">
        <v>4472</v>
      </c>
      <c r="E16" s="36" t="s">
        <v>205</v>
      </c>
      <c r="F16" s="142">
        <v>5952</v>
      </c>
      <c r="G16" s="142" t="s">
        <v>220</v>
      </c>
      <c r="H16" s="215" t="s">
        <v>250</v>
      </c>
      <c r="I16" s="7"/>
    </row>
    <row r="17" spans="1:9" ht="27" customHeight="1" x14ac:dyDescent="0.15">
      <c r="A17" s="7"/>
      <c r="B17" s="55" t="s">
        <v>95</v>
      </c>
      <c r="C17" s="9"/>
      <c r="D17" s="36">
        <v>18711</v>
      </c>
      <c r="E17" s="36">
        <v>1234</v>
      </c>
      <c r="F17" s="142">
        <v>17773</v>
      </c>
      <c r="G17" s="142">
        <v>14215</v>
      </c>
      <c r="H17" s="215">
        <v>16045</v>
      </c>
      <c r="I17" s="7"/>
    </row>
    <row r="18" spans="1:9" ht="27" customHeight="1" x14ac:dyDescent="0.15">
      <c r="A18" s="7"/>
      <c r="B18" s="55" t="s">
        <v>281</v>
      </c>
      <c r="C18" s="9"/>
      <c r="D18" s="38">
        <v>70705</v>
      </c>
      <c r="E18" s="38">
        <v>57194</v>
      </c>
      <c r="F18" s="38">
        <v>14558</v>
      </c>
      <c r="G18" s="38">
        <v>52227</v>
      </c>
      <c r="H18" s="76">
        <v>73756</v>
      </c>
      <c r="I18" s="7"/>
    </row>
    <row r="19" spans="1:9" ht="27" customHeight="1" x14ac:dyDescent="0.15">
      <c r="A19" s="7"/>
      <c r="B19" s="55" t="s">
        <v>167</v>
      </c>
      <c r="C19" s="9"/>
      <c r="D19" s="38">
        <v>479</v>
      </c>
      <c r="E19" s="38" t="s">
        <v>206</v>
      </c>
      <c r="F19" s="38">
        <v>831</v>
      </c>
      <c r="G19" s="38" t="s">
        <v>221</v>
      </c>
      <c r="H19" s="76" t="s">
        <v>251</v>
      </c>
      <c r="I19" s="7"/>
    </row>
    <row r="20" spans="1:9" ht="27" customHeight="1" x14ac:dyDescent="0.15">
      <c r="A20" s="7"/>
      <c r="B20" s="57" t="s">
        <v>118</v>
      </c>
      <c r="C20" s="11"/>
      <c r="D20" s="38">
        <v>70225</v>
      </c>
      <c r="E20" s="38">
        <v>64012</v>
      </c>
      <c r="F20" s="38">
        <v>13726</v>
      </c>
      <c r="G20" s="38">
        <v>53263</v>
      </c>
      <c r="H20" s="76">
        <v>73991</v>
      </c>
      <c r="I20" s="7"/>
    </row>
    <row r="21" spans="1:9" x14ac:dyDescent="0.15">
      <c r="A21" s="7"/>
      <c r="B21" s="23"/>
      <c r="C21" s="9"/>
      <c r="D21" s="15"/>
      <c r="E21" s="15"/>
      <c r="F21" s="15"/>
      <c r="G21" s="15"/>
      <c r="H21" s="15"/>
      <c r="I21" s="7"/>
    </row>
    <row r="22" spans="1:9" x14ac:dyDescent="0.15">
      <c r="A22" s="7"/>
      <c r="B22" s="23"/>
      <c r="C22" s="9"/>
      <c r="D22" s="17"/>
      <c r="E22" s="17"/>
      <c r="F22" s="17"/>
      <c r="G22" s="17"/>
      <c r="H22" s="17"/>
      <c r="I22" s="7"/>
    </row>
    <row r="23" spans="1:9" x14ac:dyDescent="0.15">
      <c r="A23" s="7"/>
      <c r="B23" s="23"/>
      <c r="C23" s="9"/>
      <c r="D23" s="15"/>
      <c r="E23" s="15"/>
      <c r="F23" s="15"/>
      <c r="G23" s="15"/>
      <c r="H23" s="15"/>
      <c r="I23" s="7"/>
    </row>
    <row r="24" spans="1:9" x14ac:dyDescent="0.15">
      <c r="B24" s="23"/>
      <c r="C24" s="9"/>
      <c r="D24" s="18"/>
      <c r="E24" s="18"/>
      <c r="F24" s="18"/>
      <c r="G24" s="18"/>
      <c r="H24" s="18"/>
    </row>
    <row r="25" spans="1:9" x14ac:dyDescent="0.15">
      <c r="B25" s="14"/>
      <c r="C25" s="9"/>
      <c r="D25" s="15"/>
      <c r="E25" s="15"/>
      <c r="F25" s="15"/>
      <c r="G25" s="15"/>
      <c r="H25" s="15"/>
    </row>
    <row r="26" spans="1:9" x14ac:dyDescent="0.15">
      <c r="B26" s="24"/>
      <c r="C26" s="9"/>
      <c r="D26" s="19"/>
      <c r="E26" s="19"/>
      <c r="F26" s="19"/>
      <c r="G26" s="19"/>
      <c r="H26" s="19"/>
    </row>
    <row r="27" spans="1:9" x14ac:dyDescent="0.15">
      <c r="A27" s="7"/>
      <c r="B27" s="23"/>
      <c r="C27" s="9"/>
      <c r="D27" s="17"/>
      <c r="E27" s="17"/>
      <c r="F27" s="17"/>
      <c r="G27" s="17"/>
      <c r="H27" s="17"/>
      <c r="I27" s="7"/>
    </row>
    <row r="28" spans="1:9" x14ac:dyDescent="0.15">
      <c r="A28" s="7"/>
      <c r="B28" s="23"/>
      <c r="C28" s="9"/>
      <c r="D28" s="15"/>
      <c r="E28" s="15"/>
      <c r="F28" s="15"/>
      <c r="G28" s="15"/>
      <c r="H28" s="15"/>
      <c r="I28" s="7"/>
    </row>
    <row r="29" spans="1:9" x14ac:dyDescent="0.15">
      <c r="A29" s="7"/>
      <c r="B29" s="23"/>
      <c r="C29" s="9"/>
      <c r="D29" s="17"/>
      <c r="E29" s="17"/>
      <c r="F29" s="17"/>
      <c r="G29" s="17"/>
      <c r="H29" s="17"/>
      <c r="I29" s="7"/>
    </row>
    <row r="30" spans="1:9" x14ac:dyDescent="0.15">
      <c r="A30" s="7"/>
      <c r="B30" s="23"/>
      <c r="C30" s="9"/>
      <c r="D30" s="15"/>
      <c r="E30" s="15"/>
      <c r="F30" s="15"/>
      <c r="G30" s="15"/>
      <c r="H30" s="15"/>
      <c r="I30" s="7"/>
    </row>
    <row r="31" spans="1:9" x14ac:dyDescent="0.15">
      <c r="A31" s="7"/>
      <c r="B31" s="14"/>
      <c r="C31" s="9"/>
      <c r="D31" s="15"/>
      <c r="E31" s="15"/>
      <c r="F31" s="15"/>
      <c r="G31" s="15"/>
      <c r="H31" s="15"/>
      <c r="I31" s="7"/>
    </row>
    <row r="32" spans="1:9" x14ac:dyDescent="0.15">
      <c r="A32" s="7"/>
      <c r="B32" s="24"/>
      <c r="C32" s="9"/>
      <c r="D32" s="19"/>
      <c r="E32" s="19"/>
      <c r="F32" s="19"/>
      <c r="G32" s="19"/>
      <c r="H32" s="19"/>
      <c r="I32" s="7"/>
    </row>
    <row r="33" spans="1:9" x14ac:dyDescent="0.15">
      <c r="B33" s="23"/>
      <c r="C33" s="9"/>
      <c r="D33" s="15"/>
      <c r="E33" s="15"/>
      <c r="F33" s="15"/>
      <c r="G33" s="15"/>
      <c r="H33" s="15"/>
    </row>
    <row r="34" spans="1:9" x14ac:dyDescent="0.15">
      <c r="B34" s="23"/>
      <c r="C34" s="9"/>
      <c r="D34" s="17"/>
      <c r="E34" s="17"/>
      <c r="F34" s="17"/>
      <c r="G34" s="17"/>
      <c r="H34" s="17"/>
    </row>
    <row r="35" spans="1:9" x14ac:dyDescent="0.15">
      <c r="A35" s="7"/>
      <c r="B35" s="23"/>
      <c r="C35" s="9"/>
      <c r="D35" s="15"/>
      <c r="E35" s="15"/>
      <c r="F35" s="15"/>
      <c r="G35" s="15"/>
      <c r="H35" s="15"/>
      <c r="I35" s="7"/>
    </row>
    <row r="36" spans="1:9" x14ac:dyDescent="0.15">
      <c r="A36" s="7"/>
      <c r="B36" s="23"/>
      <c r="C36" s="9"/>
      <c r="D36" s="18"/>
      <c r="E36" s="18"/>
      <c r="F36" s="18"/>
      <c r="G36" s="18"/>
      <c r="H36" s="18"/>
      <c r="I36" s="7"/>
    </row>
    <row r="37" spans="1:9" x14ac:dyDescent="0.15">
      <c r="A37" s="7"/>
      <c r="B37" s="14"/>
      <c r="C37" s="9"/>
      <c r="D37" s="15"/>
      <c r="E37" s="15"/>
      <c r="F37" s="15"/>
      <c r="G37" s="15"/>
      <c r="H37" s="15"/>
      <c r="I37" s="7"/>
    </row>
    <row r="38" spans="1:9" x14ac:dyDescent="0.15">
      <c r="A38" s="7"/>
      <c r="B38" s="14"/>
      <c r="C38" s="9"/>
      <c r="D38" s="20"/>
      <c r="E38" s="20"/>
      <c r="F38" s="20"/>
      <c r="G38" s="20"/>
      <c r="H38" s="20"/>
      <c r="I38" s="7"/>
    </row>
    <row r="39" spans="1:9" x14ac:dyDescent="0.15">
      <c r="B39" s="25"/>
      <c r="C39" s="9"/>
      <c r="D39" s="20"/>
      <c r="E39" s="20"/>
      <c r="F39" s="20"/>
      <c r="G39" s="20"/>
      <c r="H39" s="20"/>
    </row>
    <row r="40" spans="1:9" x14ac:dyDescent="0.15">
      <c r="A40" s="7"/>
      <c r="B40" s="24"/>
      <c r="C40" s="9"/>
      <c r="D40" s="20"/>
      <c r="E40" s="20"/>
      <c r="F40" s="20"/>
      <c r="G40" s="20"/>
      <c r="H40" s="20"/>
      <c r="I40" s="7"/>
    </row>
    <row r="41" spans="1:9" x14ac:dyDescent="0.15">
      <c r="A41" s="7"/>
      <c r="B41" s="24"/>
      <c r="C41" s="9"/>
      <c r="D41" s="20"/>
      <c r="E41" s="20"/>
      <c r="F41" s="20"/>
      <c r="G41" s="20"/>
      <c r="H41" s="20"/>
      <c r="I41" s="7"/>
    </row>
    <row r="42" spans="1:9" x14ac:dyDescent="0.15">
      <c r="A42" s="7"/>
      <c r="B42" s="14"/>
      <c r="C42" s="9"/>
      <c r="D42" s="26"/>
      <c r="E42" s="26"/>
      <c r="F42" s="26"/>
      <c r="G42" s="26"/>
      <c r="H42" s="26"/>
      <c r="I42" s="7"/>
    </row>
    <row r="43" spans="1:9" x14ac:dyDescent="0.15">
      <c r="B43" s="25"/>
      <c r="C43" s="9"/>
      <c r="D43" s="15"/>
      <c r="E43" s="15"/>
      <c r="F43" s="15"/>
      <c r="G43" s="15"/>
      <c r="H43" s="15"/>
    </row>
    <row r="44" spans="1:9" x14ac:dyDescent="0.15">
      <c r="B44" s="14"/>
      <c r="C44" s="9"/>
      <c r="D44" s="16"/>
      <c r="E44" s="16"/>
      <c r="F44" s="16"/>
      <c r="G44" s="16"/>
      <c r="H44" s="16"/>
    </row>
    <row r="45" spans="1:9" x14ac:dyDescent="0.15">
      <c r="B45" s="25"/>
      <c r="C45" s="9"/>
      <c r="D45" s="21"/>
      <c r="E45" s="21"/>
      <c r="F45" s="21"/>
      <c r="G45" s="21"/>
      <c r="H45" s="21"/>
    </row>
    <row r="46" spans="1:9" x14ac:dyDescent="0.15">
      <c r="A46" s="7"/>
      <c r="B46" s="24"/>
      <c r="C46" s="9"/>
      <c r="D46" s="16"/>
      <c r="E46" s="16"/>
      <c r="F46" s="16"/>
      <c r="G46" s="16"/>
      <c r="H46" s="16"/>
      <c r="I46" s="7"/>
    </row>
    <row r="47" spans="1:9" x14ac:dyDescent="0.15">
      <c r="A47" s="7"/>
      <c r="B47" s="24"/>
      <c r="C47" s="9"/>
      <c r="D47" s="16"/>
      <c r="E47" s="16"/>
      <c r="F47" s="16"/>
      <c r="G47" s="16"/>
      <c r="H47" s="16"/>
      <c r="I47" s="7"/>
    </row>
    <row r="48" spans="1:9" x14ac:dyDescent="0.15">
      <c r="A48" s="7"/>
      <c r="B48" s="24"/>
      <c r="C48" s="9"/>
      <c r="D48" s="16"/>
      <c r="E48" s="16"/>
      <c r="F48" s="16"/>
      <c r="G48" s="16"/>
      <c r="H48" s="16"/>
      <c r="I48" s="7"/>
    </row>
    <row r="49" spans="1:9" x14ac:dyDescent="0.15">
      <c r="A49" s="7"/>
      <c r="B49" s="24"/>
      <c r="C49" s="9"/>
      <c r="D49" s="16"/>
      <c r="E49" s="16"/>
      <c r="F49" s="16"/>
      <c r="G49" s="16"/>
      <c r="H49" s="16"/>
      <c r="I49" s="7"/>
    </row>
    <row r="50" spans="1:9" x14ac:dyDescent="0.15">
      <c r="A50" s="7"/>
      <c r="B50" s="24"/>
      <c r="C50" s="9"/>
      <c r="D50" s="16"/>
      <c r="E50" s="16"/>
      <c r="F50" s="16"/>
      <c r="G50" s="16"/>
      <c r="H50" s="16"/>
      <c r="I50" s="7"/>
    </row>
    <row r="51" spans="1:9" x14ac:dyDescent="0.15">
      <c r="A51" s="7"/>
      <c r="B51" s="24"/>
      <c r="C51" s="9"/>
      <c r="D51" s="16"/>
      <c r="E51" s="16"/>
      <c r="F51" s="16"/>
      <c r="G51" s="16"/>
      <c r="H51" s="16"/>
      <c r="I51" s="7"/>
    </row>
    <row r="52" spans="1:9" x14ac:dyDescent="0.15">
      <c r="B52" s="24"/>
      <c r="C52" s="9"/>
      <c r="D52" s="16"/>
      <c r="E52" s="16"/>
      <c r="F52" s="16"/>
      <c r="G52" s="16"/>
      <c r="H52" s="16"/>
    </row>
    <row r="53" spans="1:9" x14ac:dyDescent="0.15">
      <c r="B53" s="24"/>
      <c r="C53" s="9"/>
      <c r="D53" s="16"/>
      <c r="E53" s="16"/>
      <c r="F53" s="16"/>
      <c r="G53" s="16"/>
      <c r="H53" s="16"/>
    </row>
    <row r="54" spans="1:9" x14ac:dyDescent="0.15">
      <c r="B54" s="24"/>
      <c r="C54" s="9"/>
      <c r="D54" s="16"/>
      <c r="E54" s="16"/>
      <c r="F54" s="16"/>
      <c r="G54" s="16"/>
      <c r="H54" s="16"/>
    </row>
    <row r="55" spans="1:9" x14ac:dyDescent="0.15">
      <c r="B55" s="24"/>
      <c r="C55" s="9"/>
      <c r="D55" s="16"/>
      <c r="E55" s="16"/>
      <c r="F55" s="16"/>
      <c r="G55" s="16"/>
      <c r="H55" s="16"/>
    </row>
    <row r="56" spans="1:9" x14ac:dyDescent="0.15">
      <c r="B56" s="24"/>
      <c r="C56" s="9"/>
      <c r="D56" s="16"/>
      <c r="E56" s="16"/>
      <c r="F56" s="16"/>
      <c r="G56" s="16"/>
      <c r="H56" s="16"/>
    </row>
    <row r="57" spans="1:9" x14ac:dyDescent="0.15">
      <c r="A57" s="7"/>
      <c r="B57" s="24"/>
      <c r="C57" s="9"/>
      <c r="D57" s="16"/>
      <c r="E57" s="16"/>
      <c r="F57" s="16"/>
      <c r="G57" s="16"/>
      <c r="H57" s="16"/>
      <c r="I57" s="7"/>
    </row>
    <row r="58" spans="1:9" x14ac:dyDescent="0.15">
      <c r="A58" s="7"/>
      <c r="B58" s="14"/>
      <c r="C58" s="9"/>
      <c r="D58" s="16"/>
      <c r="E58" s="16"/>
      <c r="F58" s="16"/>
      <c r="G58" s="16"/>
      <c r="H58" s="16"/>
      <c r="I58" s="7"/>
    </row>
    <row r="59" spans="1:9" x14ac:dyDescent="0.15">
      <c r="A59" s="7"/>
      <c r="B59" s="25"/>
      <c r="C59" s="9"/>
      <c r="D59" s="21"/>
      <c r="E59" s="21"/>
      <c r="F59" s="21"/>
      <c r="G59" s="21"/>
      <c r="H59" s="21"/>
      <c r="I59" s="7"/>
    </row>
    <row r="60" spans="1:9" x14ac:dyDescent="0.15">
      <c r="A60" s="7"/>
      <c r="B60" s="24"/>
      <c r="C60" s="9"/>
      <c r="D60" s="16"/>
      <c r="E60" s="16"/>
      <c r="F60" s="16"/>
      <c r="G60" s="16"/>
      <c r="H60" s="16"/>
      <c r="I60" s="7"/>
    </row>
    <row r="61" spans="1:9" x14ac:dyDescent="0.15">
      <c r="A61" s="7"/>
      <c r="B61" s="24"/>
      <c r="C61" s="9"/>
      <c r="D61" s="16"/>
      <c r="E61" s="16"/>
      <c r="F61" s="16"/>
      <c r="G61" s="16"/>
      <c r="H61" s="16"/>
      <c r="I61" s="7"/>
    </row>
    <row r="62" spans="1:9" x14ac:dyDescent="0.15">
      <c r="A62" s="7"/>
      <c r="B62" s="24"/>
      <c r="C62" s="9"/>
      <c r="D62" s="16"/>
      <c r="E62" s="16"/>
      <c r="F62" s="16"/>
      <c r="G62" s="16"/>
      <c r="H62" s="16"/>
      <c r="I62" s="7"/>
    </row>
    <row r="63" spans="1:9" x14ac:dyDescent="0.15">
      <c r="A63" s="7"/>
      <c r="B63" s="24"/>
      <c r="C63" s="9"/>
      <c r="D63" s="16"/>
      <c r="E63" s="16"/>
      <c r="F63" s="16"/>
      <c r="G63" s="16"/>
      <c r="H63" s="16"/>
      <c r="I63" s="7"/>
    </row>
    <row r="64" spans="1:9" x14ac:dyDescent="0.15">
      <c r="B64" s="24"/>
      <c r="C64" s="9"/>
      <c r="D64" s="16"/>
      <c r="E64" s="16"/>
      <c r="F64" s="16"/>
      <c r="G64" s="16"/>
      <c r="H64" s="16"/>
    </row>
    <row r="65" spans="1:9" x14ac:dyDescent="0.15">
      <c r="B65" s="24"/>
      <c r="C65" s="9"/>
      <c r="D65" s="16"/>
      <c r="E65" s="16"/>
      <c r="F65" s="16"/>
      <c r="G65" s="16"/>
      <c r="H65" s="16"/>
    </row>
    <row r="66" spans="1:9" x14ac:dyDescent="0.15">
      <c r="B66" s="24"/>
      <c r="C66" s="9"/>
      <c r="D66" s="16"/>
      <c r="E66" s="16"/>
      <c r="F66" s="16"/>
      <c r="G66" s="16"/>
      <c r="H66" s="16"/>
    </row>
    <row r="67" spans="1:9" x14ac:dyDescent="0.15">
      <c r="A67" s="7"/>
      <c r="B67" s="14"/>
      <c r="C67" s="9"/>
      <c r="D67" s="16"/>
      <c r="E67" s="16"/>
      <c r="F67" s="16"/>
      <c r="G67" s="16"/>
      <c r="H67" s="16"/>
      <c r="I67" s="7"/>
    </row>
    <row r="68" spans="1:9" x14ac:dyDescent="0.15">
      <c r="A68" s="7"/>
      <c r="B68" s="25"/>
      <c r="C68" s="9"/>
      <c r="D68" s="16"/>
      <c r="E68" s="16"/>
      <c r="F68" s="16"/>
      <c r="G68" s="16"/>
      <c r="H68" s="16"/>
      <c r="I68" s="7"/>
    </row>
    <row r="69" spans="1:9" x14ac:dyDescent="0.15">
      <c r="A69" s="7"/>
      <c r="B69" s="14"/>
      <c r="C69" s="9"/>
      <c r="D69" s="16"/>
      <c r="E69" s="16"/>
      <c r="F69" s="16"/>
      <c r="G69" s="16"/>
      <c r="H69" s="16"/>
      <c r="I69" s="7"/>
    </row>
    <row r="70" spans="1:9" x14ac:dyDescent="0.15">
      <c r="A70" s="7"/>
      <c r="B70" s="25"/>
      <c r="C70" s="9"/>
      <c r="D70" s="21"/>
      <c r="E70" s="21"/>
      <c r="F70" s="21"/>
      <c r="G70" s="21"/>
      <c r="H70" s="21"/>
      <c r="I70" s="7"/>
    </row>
    <row r="71" spans="1:9" x14ac:dyDescent="0.15">
      <c r="A71" s="7"/>
      <c r="B71" s="24"/>
      <c r="C71" s="9"/>
      <c r="D71" s="16"/>
      <c r="E71" s="16"/>
      <c r="F71" s="16"/>
      <c r="G71" s="16"/>
      <c r="H71" s="16"/>
      <c r="I71" s="7"/>
    </row>
    <row r="72" spans="1:9" x14ac:dyDescent="0.15">
      <c r="A72" s="7"/>
      <c r="B72" s="24"/>
      <c r="C72" s="9"/>
      <c r="D72" s="16"/>
      <c r="E72" s="16"/>
      <c r="F72" s="16"/>
      <c r="G72" s="16"/>
      <c r="H72" s="16"/>
      <c r="I72" s="7"/>
    </row>
    <row r="73" spans="1:9" x14ac:dyDescent="0.15">
      <c r="A73" s="7"/>
      <c r="B73" s="24"/>
      <c r="C73" s="9"/>
      <c r="D73" s="18"/>
      <c r="E73" s="18"/>
      <c r="F73" s="18"/>
      <c r="G73" s="18"/>
      <c r="H73" s="18"/>
      <c r="I73" s="7"/>
    </row>
    <row r="74" spans="1:9" x14ac:dyDescent="0.15">
      <c r="A74" s="7"/>
      <c r="B74" s="24"/>
      <c r="C74" s="9"/>
      <c r="D74" s="18"/>
      <c r="E74" s="18"/>
      <c r="F74" s="18"/>
      <c r="G74" s="18"/>
      <c r="H74" s="18"/>
      <c r="I74" s="7"/>
    </row>
    <row r="75" spans="1:9" x14ac:dyDescent="0.15">
      <c r="A75" s="7"/>
      <c r="B75" s="14"/>
      <c r="C75" s="9"/>
      <c r="D75" s="16"/>
      <c r="E75" s="16"/>
      <c r="F75" s="16"/>
      <c r="G75" s="16"/>
      <c r="H75" s="16"/>
      <c r="I75" s="7"/>
    </row>
    <row r="76" spans="1:9" x14ac:dyDescent="0.15">
      <c r="A76" s="7"/>
      <c r="B76" s="25"/>
      <c r="C76" s="9"/>
      <c r="D76" s="21"/>
      <c r="E76" s="21"/>
      <c r="F76" s="21"/>
      <c r="G76" s="21"/>
      <c r="H76" s="21"/>
      <c r="I76" s="7"/>
    </row>
    <row r="77" spans="1:9" x14ac:dyDescent="0.15">
      <c r="A77" s="7"/>
      <c r="B77" s="24"/>
      <c r="C77" s="9"/>
      <c r="D77" s="18"/>
      <c r="E77" s="18"/>
      <c r="F77" s="18"/>
      <c r="G77" s="18"/>
      <c r="H77" s="18"/>
      <c r="I77" s="7"/>
    </row>
    <row r="78" spans="1:9" x14ac:dyDescent="0.15">
      <c r="A78" s="7"/>
      <c r="B78" s="24"/>
      <c r="C78" s="9"/>
      <c r="D78" s="18"/>
      <c r="E78" s="18"/>
      <c r="F78" s="18"/>
      <c r="G78" s="18"/>
      <c r="H78" s="18"/>
      <c r="I78" s="7"/>
    </row>
    <row r="79" spans="1:9" x14ac:dyDescent="0.15">
      <c r="A79" s="7"/>
      <c r="B79" s="24"/>
      <c r="C79" s="9"/>
      <c r="D79" s="18"/>
      <c r="E79" s="18"/>
      <c r="F79" s="18"/>
      <c r="G79" s="18"/>
      <c r="H79" s="18"/>
      <c r="I79" s="7"/>
    </row>
    <row r="80" spans="1:9" x14ac:dyDescent="0.15">
      <c r="A80" s="7"/>
      <c r="B80" s="24"/>
      <c r="C80" s="9"/>
      <c r="D80" s="22"/>
      <c r="E80" s="22"/>
      <c r="F80" s="17"/>
      <c r="G80" s="17"/>
      <c r="H80" s="17"/>
      <c r="I80" s="7"/>
    </row>
    <row r="81" spans="1:9" x14ac:dyDescent="0.15">
      <c r="A81" s="7"/>
      <c r="B81" s="24"/>
      <c r="C81" s="9"/>
      <c r="D81" s="27"/>
      <c r="E81" s="27"/>
      <c r="F81" s="216"/>
      <c r="G81" s="216"/>
      <c r="H81" s="216"/>
      <c r="I81" s="7"/>
    </row>
    <row r="82" spans="1:9" x14ac:dyDescent="0.15">
      <c r="B82" s="14"/>
      <c r="C82" s="9"/>
      <c r="D82" s="18"/>
      <c r="E82" s="18"/>
      <c r="F82" s="18"/>
      <c r="G82" s="18"/>
      <c r="H82" s="18"/>
    </row>
    <row r="83" spans="1:9" ht="26.25" customHeight="1" x14ac:dyDescent="0.15">
      <c r="B83" s="25"/>
      <c r="C83" s="9"/>
      <c r="D83" s="16"/>
      <c r="E83" s="16"/>
      <c r="F83" s="16"/>
      <c r="G83" s="16"/>
      <c r="H83" s="16"/>
    </row>
    <row r="84" spans="1:9" x14ac:dyDescent="0.15">
      <c r="B84" s="25"/>
      <c r="C84" s="9"/>
      <c r="D84" s="16"/>
      <c r="E84" s="16"/>
      <c r="F84" s="16"/>
      <c r="G84" s="16"/>
      <c r="H84" s="16"/>
    </row>
    <row r="85" spans="1:9" x14ac:dyDescent="0.15">
      <c r="A85" s="7"/>
      <c r="B85" s="14"/>
      <c r="C85" s="9"/>
      <c r="D85" s="16"/>
      <c r="E85" s="16"/>
      <c r="F85" s="16"/>
      <c r="G85" s="16"/>
      <c r="H85" s="16"/>
      <c r="I85" s="7"/>
    </row>
    <row r="86" spans="1:9" x14ac:dyDescent="0.15">
      <c r="A86" s="7"/>
      <c r="B86" s="14"/>
      <c r="C86" s="9"/>
      <c r="D86" s="10"/>
      <c r="E86" s="10"/>
      <c r="F86" s="10"/>
      <c r="G86" s="10"/>
      <c r="H86" s="10"/>
      <c r="I86" s="7"/>
    </row>
    <row r="87" spans="1:9" x14ac:dyDescent="0.15">
      <c r="A87" s="7"/>
      <c r="B87" s="14"/>
      <c r="C87" s="9"/>
      <c r="D87" s="10"/>
      <c r="E87" s="10"/>
      <c r="F87" s="10"/>
      <c r="G87" s="10"/>
      <c r="H87" s="10"/>
      <c r="I87" s="7"/>
    </row>
    <row r="88" spans="1:9" x14ac:dyDescent="0.15">
      <c r="B88" s="14"/>
      <c r="C88" s="9"/>
      <c r="D88" s="10"/>
      <c r="E88" s="10"/>
      <c r="F88" s="10"/>
      <c r="G88" s="10"/>
      <c r="H88" s="10"/>
    </row>
    <row r="90" spans="1:9" x14ac:dyDescent="0.15">
      <c r="D90" s="4"/>
      <c r="E90" s="4"/>
      <c r="F90" s="4"/>
      <c r="G90" s="4"/>
      <c r="H90" s="262"/>
    </row>
  </sheetData>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1" manualBreakCount="1">
    <brk id="43"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Q87"/>
  <sheetViews>
    <sheetView showGridLines="0" zoomScaleNormal="100" zoomScaleSheetLayoutView="100" workbookViewId="0">
      <selection activeCell="A2" sqref="A2"/>
    </sheetView>
  </sheetViews>
  <sheetFormatPr defaultRowHeight="12" x14ac:dyDescent="0.15"/>
  <cols>
    <col min="1" max="1" width="2.625" style="1" customWidth="1"/>
    <col min="2" max="2" width="38.625" style="1" customWidth="1"/>
    <col min="3" max="3" width="3.125" style="1" customWidth="1"/>
    <col min="4" max="8" width="17.375" style="1" customWidth="1"/>
    <col min="9" max="9" width="1.75" style="1" customWidth="1"/>
    <col min="10" max="16384" width="9" style="1"/>
  </cols>
  <sheetData>
    <row r="1" spans="1:17" s="73" customFormat="1" ht="18.75" customHeight="1" x14ac:dyDescent="0.15">
      <c r="A1" s="67" t="s">
        <v>105</v>
      </c>
      <c r="B1" s="69"/>
      <c r="C1" s="70"/>
      <c r="D1" s="67"/>
      <c r="E1" s="67"/>
      <c r="F1" s="201"/>
      <c r="G1" s="233"/>
      <c r="H1" s="201"/>
      <c r="I1" s="67"/>
      <c r="J1" s="70"/>
      <c r="K1" s="70"/>
      <c r="L1" s="70"/>
      <c r="M1" s="71"/>
      <c r="N1" s="71"/>
      <c r="O1" s="71"/>
      <c r="P1" s="71"/>
      <c r="Q1" s="72"/>
    </row>
    <row r="2" spans="1:17" ht="20.25" x14ac:dyDescent="0.15">
      <c r="B2" s="5"/>
      <c r="D2" s="39"/>
      <c r="E2" s="39"/>
      <c r="F2" s="39"/>
      <c r="G2" s="39"/>
      <c r="H2" s="39" t="s">
        <v>98</v>
      </c>
    </row>
    <row r="3" spans="1:17" ht="15" customHeight="1" x14ac:dyDescent="0.15">
      <c r="A3" s="2"/>
      <c r="B3" s="6"/>
      <c r="C3" s="3"/>
      <c r="D3" s="58" t="s">
        <v>142</v>
      </c>
      <c r="E3" s="58" t="s">
        <v>143</v>
      </c>
      <c r="F3" s="170" t="s">
        <v>185</v>
      </c>
      <c r="G3" s="256" t="s">
        <v>209</v>
      </c>
      <c r="H3" s="258" t="s">
        <v>239</v>
      </c>
      <c r="I3" s="160"/>
    </row>
    <row r="4" spans="1:17" ht="30" customHeight="1" x14ac:dyDescent="0.15">
      <c r="A4" s="2"/>
      <c r="B4" s="56" t="s">
        <v>14</v>
      </c>
      <c r="C4" s="12"/>
      <c r="D4" s="40">
        <v>105270</v>
      </c>
      <c r="E4" s="40">
        <v>78305</v>
      </c>
      <c r="F4" s="172">
        <v>68453</v>
      </c>
      <c r="G4" s="263">
        <v>204642</v>
      </c>
      <c r="H4" s="264">
        <v>75157</v>
      </c>
      <c r="I4" s="7"/>
    </row>
    <row r="5" spans="1:17" s="59" customFormat="1" ht="30" customHeight="1" x14ac:dyDescent="0.15">
      <c r="A5" s="63"/>
      <c r="B5" s="141" t="s">
        <v>15</v>
      </c>
      <c r="C5" s="119"/>
      <c r="D5" s="40" t="s">
        <v>144</v>
      </c>
      <c r="E5" s="40" t="s">
        <v>186</v>
      </c>
      <c r="F5" s="172" t="s">
        <v>187</v>
      </c>
      <c r="G5" s="263" t="s">
        <v>210</v>
      </c>
      <c r="H5" s="264" t="s">
        <v>240</v>
      </c>
      <c r="I5" s="63"/>
    </row>
    <row r="6" spans="1:17" ht="30" customHeight="1" x14ac:dyDescent="0.15">
      <c r="A6" s="7"/>
      <c r="B6" s="55" t="s">
        <v>16</v>
      </c>
      <c r="C6" s="9"/>
      <c r="D6" s="40" t="s">
        <v>145</v>
      </c>
      <c r="E6" s="40" t="s">
        <v>146</v>
      </c>
      <c r="F6" s="172">
        <v>4560</v>
      </c>
      <c r="G6" s="263" t="s">
        <v>222</v>
      </c>
      <c r="H6" s="264" t="s">
        <v>252</v>
      </c>
      <c r="I6" s="7"/>
    </row>
    <row r="7" spans="1:17" ht="30" customHeight="1" x14ac:dyDescent="0.15">
      <c r="A7" s="7"/>
      <c r="B7" s="55" t="s">
        <v>100</v>
      </c>
      <c r="C7" s="9"/>
      <c r="D7" s="40">
        <v>852</v>
      </c>
      <c r="E7" s="40">
        <v>1685</v>
      </c>
      <c r="F7" s="172" t="s">
        <v>207</v>
      </c>
      <c r="G7" s="263">
        <v>8665</v>
      </c>
      <c r="H7" s="264">
        <v>27148</v>
      </c>
      <c r="I7" s="7"/>
    </row>
    <row r="8" spans="1:17" ht="30" customHeight="1" x14ac:dyDescent="0.15">
      <c r="A8" s="7"/>
      <c r="B8" s="55" t="s">
        <v>101</v>
      </c>
      <c r="C8" s="9"/>
      <c r="D8" s="40" t="s">
        <v>165</v>
      </c>
      <c r="E8" s="40" t="s">
        <v>166</v>
      </c>
      <c r="F8" s="172" t="s">
        <v>208</v>
      </c>
      <c r="G8" s="263">
        <v>122469</v>
      </c>
      <c r="H8" s="264" t="s">
        <v>253</v>
      </c>
      <c r="I8" s="7"/>
    </row>
    <row r="9" spans="1:17" ht="30" customHeight="1" x14ac:dyDescent="0.15">
      <c r="A9" s="7"/>
      <c r="B9" s="55" t="s">
        <v>102</v>
      </c>
      <c r="C9" s="9"/>
      <c r="D9" s="35">
        <v>453477</v>
      </c>
      <c r="E9" s="35">
        <v>404001</v>
      </c>
      <c r="F9" s="35">
        <v>228798</v>
      </c>
      <c r="G9" s="35">
        <v>170323</v>
      </c>
      <c r="H9" s="261">
        <v>292792</v>
      </c>
      <c r="I9" s="7"/>
    </row>
    <row r="10" spans="1:17" ht="30" customHeight="1" x14ac:dyDescent="0.15">
      <c r="A10" s="7"/>
      <c r="B10" s="82" t="s">
        <v>133</v>
      </c>
      <c r="C10" s="9"/>
      <c r="D10" s="35" t="s">
        <v>164</v>
      </c>
      <c r="E10" s="35">
        <v>1374</v>
      </c>
      <c r="F10" s="35" t="s">
        <v>31</v>
      </c>
      <c r="G10" s="35" t="s">
        <v>96</v>
      </c>
      <c r="H10" s="261" t="s">
        <v>31</v>
      </c>
      <c r="I10" s="7"/>
    </row>
    <row r="11" spans="1:17" ht="30" customHeight="1" x14ac:dyDescent="0.15">
      <c r="B11" s="57" t="s">
        <v>17</v>
      </c>
      <c r="C11" s="11"/>
      <c r="D11" s="38">
        <v>404001</v>
      </c>
      <c r="E11" s="38">
        <v>228798</v>
      </c>
      <c r="F11" s="38">
        <v>170323</v>
      </c>
      <c r="G11" s="38">
        <v>292792</v>
      </c>
      <c r="H11" s="76">
        <v>239359</v>
      </c>
    </row>
    <row r="12" spans="1:17" x14ac:dyDescent="0.15">
      <c r="A12" s="7"/>
      <c r="B12" s="13"/>
      <c r="C12" s="8"/>
      <c r="D12" s="37"/>
      <c r="E12" s="37"/>
      <c r="F12" s="37"/>
      <c r="G12" s="37"/>
      <c r="H12" s="37"/>
      <c r="I12" s="7"/>
    </row>
    <row r="13" spans="1:17" x14ac:dyDescent="0.15">
      <c r="A13" s="7"/>
      <c r="B13" s="14"/>
      <c r="C13" s="9"/>
      <c r="D13" s="35"/>
      <c r="E13" s="35"/>
      <c r="F13" s="35"/>
      <c r="G13" s="35"/>
      <c r="H13" s="35"/>
      <c r="I13" s="7"/>
    </row>
    <row r="14" spans="1:17" x14ac:dyDescent="0.15">
      <c r="A14" s="7"/>
      <c r="B14" s="14"/>
      <c r="C14" s="9"/>
      <c r="D14" s="35"/>
      <c r="E14" s="35"/>
      <c r="F14" s="35"/>
      <c r="G14" s="35"/>
      <c r="H14" s="35"/>
      <c r="I14" s="7"/>
    </row>
    <row r="15" spans="1:17" x14ac:dyDescent="0.15">
      <c r="A15" s="7"/>
      <c r="B15" s="14"/>
      <c r="C15" s="9"/>
      <c r="D15" s="35"/>
      <c r="E15" s="35"/>
      <c r="F15" s="35"/>
      <c r="G15" s="35"/>
      <c r="H15" s="35"/>
      <c r="I15" s="7"/>
    </row>
    <row r="16" spans="1:17" x14ac:dyDescent="0.15">
      <c r="A16" s="7"/>
      <c r="B16" s="14"/>
      <c r="C16" s="9"/>
      <c r="D16" s="35"/>
      <c r="E16" s="35"/>
      <c r="F16" s="35"/>
      <c r="G16" s="35"/>
      <c r="H16" s="35"/>
      <c r="I16" s="7"/>
    </row>
    <row r="17" spans="1:9" x14ac:dyDescent="0.15">
      <c r="A17" s="7"/>
      <c r="B17" s="14"/>
      <c r="C17" s="9"/>
      <c r="D17" s="35"/>
      <c r="E17" s="35"/>
      <c r="F17" s="35"/>
      <c r="G17" s="35"/>
      <c r="H17" s="35"/>
      <c r="I17" s="7"/>
    </row>
    <row r="18" spans="1:9" x14ac:dyDescent="0.15">
      <c r="A18" s="7"/>
      <c r="B18" s="23"/>
      <c r="C18" s="9"/>
      <c r="D18" s="15"/>
      <c r="E18" s="15"/>
      <c r="F18" s="15"/>
      <c r="G18" s="15"/>
      <c r="H18" s="15"/>
      <c r="I18" s="7"/>
    </row>
    <row r="19" spans="1:9" x14ac:dyDescent="0.15">
      <c r="A19" s="7"/>
      <c r="B19" s="23"/>
      <c r="C19" s="9"/>
      <c r="D19" s="17"/>
      <c r="E19" s="17"/>
      <c r="F19" s="17"/>
      <c r="G19" s="17"/>
      <c r="H19" s="17"/>
      <c r="I19" s="7"/>
    </row>
    <row r="20" spans="1:9" x14ac:dyDescent="0.15">
      <c r="A20" s="7"/>
      <c r="B20" s="23"/>
      <c r="C20" s="9"/>
      <c r="D20" s="15"/>
      <c r="E20" s="15"/>
      <c r="F20" s="15"/>
      <c r="G20" s="15"/>
      <c r="H20" s="15"/>
      <c r="I20" s="7"/>
    </row>
    <row r="21" spans="1:9" x14ac:dyDescent="0.15">
      <c r="B21" s="23"/>
      <c r="C21" s="9"/>
      <c r="D21" s="18"/>
      <c r="E21" s="18"/>
      <c r="F21" s="18"/>
      <c r="G21" s="18"/>
      <c r="H21" s="18"/>
    </row>
    <row r="22" spans="1:9" x14ac:dyDescent="0.15">
      <c r="B22" s="14"/>
      <c r="C22" s="9"/>
      <c r="D22" s="15"/>
      <c r="E22" s="15"/>
      <c r="F22" s="15"/>
      <c r="G22" s="15"/>
      <c r="H22" s="15"/>
    </row>
    <row r="23" spans="1:9" x14ac:dyDescent="0.15">
      <c r="B23" s="24"/>
      <c r="C23" s="9"/>
      <c r="D23" s="19"/>
      <c r="E23" s="19"/>
      <c r="F23" s="19"/>
      <c r="G23" s="19"/>
      <c r="H23" s="19"/>
    </row>
    <row r="24" spans="1:9" x14ac:dyDescent="0.15">
      <c r="A24" s="7"/>
      <c r="B24" s="23"/>
      <c r="C24" s="9"/>
      <c r="D24" s="17"/>
      <c r="E24" s="17"/>
      <c r="F24" s="17"/>
      <c r="G24" s="17"/>
      <c r="H24" s="17"/>
      <c r="I24" s="7"/>
    </row>
    <row r="25" spans="1:9" x14ac:dyDescent="0.15">
      <c r="A25" s="7"/>
      <c r="B25" s="23"/>
      <c r="C25" s="9"/>
      <c r="D25" s="15"/>
      <c r="E25" s="15"/>
      <c r="F25" s="15"/>
      <c r="G25" s="15"/>
      <c r="H25" s="15"/>
      <c r="I25" s="7"/>
    </row>
    <row r="26" spans="1:9" x14ac:dyDescent="0.15">
      <c r="A26" s="7"/>
      <c r="B26" s="23"/>
      <c r="C26" s="9"/>
      <c r="D26" s="17"/>
      <c r="E26" s="17"/>
      <c r="F26" s="17"/>
      <c r="G26" s="17"/>
      <c r="H26" s="17"/>
      <c r="I26" s="7"/>
    </row>
    <row r="27" spans="1:9" x14ac:dyDescent="0.15">
      <c r="A27" s="7"/>
      <c r="B27" s="23"/>
      <c r="C27" s="9"/>
      <c r="D27" s="15"/>
      <c r="E27" s="15"/>
      <c r="F27" s="15"/>
      <c r="G27" s="15"/>
      <c r="H27" s="15"/>
      <c r="I27" s="7"/>
    </row>
    <row r="28" spans="1:9" x14ac:dyDescent="0.15">
      <c r="A28" s="7"/>
      <c r="B28" s="14"/>
      <c r="C28" s="9"/>
      <c r="D28" s="15"/>
      <c r="E28" s="15"/>
      <c r="F28" s="15"/>
      <c r="G28" s="15"/>
      <c r="H28" s="15"/>
      <c r="I28" s="7"/>
    </row>
    <row r="29" spans="1:9" x14ac:dyDescent="0.15">
      <c r="A29" s="7"/>
      <c r="B29" s="24"/>
      <c r="C29" s="9"/>
      <c r="D29" s="19"/>
      <c r="E29" s="19"/>
      <c r="F29" s="19"/>
      <c r="G29" s="19"/>
      <c r="H29" s="19"/>
      <c r="I29" s="7"/>
    </row>
    <row r="30" spans="1:9" x14ac:dyDescent="0.15">
      <c r="B30" s="23"/>
      <c r="C30" s="9"/>
      <c r="D30" s="15"/>
      <c r="E30" s="15"/>
      <c r="F30" s="15"/>
      <c r="G30" s="15"/>
      <c r="H30" s="15"/>
    </row>
    <row r="31" spans="1:9" x14ac:dyDescent="0.15">
      <c r="B31" s="23"/>
      <c r="C31" s="9"/>
      <c r="D31" s="17"/>
      <c r="E31" s="17"/>
      <c r="F31" s="17"/>
      <c r="G31" s="17"/>
      <c r="H31" s="17"/>
    </row>
    <row r="32" spans="1:9" x14ac:dyDescent="0.15">
      <c r="A32" s="7"/>
      <c r="B32" s="23"/>
      <c r="C32" s="9"/>
      <c r="D32" s="15"/>
      <c r="E32" s="15"/>
      <c r="F32" s="15"/>
      <c r="G32" s="15"/>
      <c r="H32" s="15"/>
      <c r="I32" s="7"/>
    </row>
    <row r="33" spans="1:9" x14ac:dyDescent="0.15">
      <c r="A33" s="7"/>
      <c r="B33" s="23"/>
      <c r="C33" s="9"/>
      <c r="D33" s="18"/>
      <c r="E33" s="18"/>
      <c r="F33" s="18"/>
      <c r="G33" s="18"/>
      <c r="H33" s="18"/>
      <c r="I33" s="7"/>
    </row>
    <row r="34" spans="1:9" x14ac:dyDescent="0.15">
      <c r="A34" s="7"/>
      <c r="B34" s="14"/>
      <c r="C34" s="9"/>
      <c r="D34" s="15"/>
      <c r="E34" s="15"/>
      <c r="F34" s="15"/>
      <c r="G34" s="15"/>
      <c r="H34" s="15"/>
      <c r="I34" s="7"/>
    </row>
    <row r="35" spans="1:9" x14ac:dyDescent="0.15">
      <c r="A35" s="7"/>
      <c r="B35" s="14"/>
      <c r="C35" s="9"/>
      <c r="D35" s="20"/>
      <c r="E35" s="20"/>
      <c r="F35" s="20"/>
      <c r="G35" s="20"/>
      <c r="H35" s="20"/>
      <c r="I35" s="7"/>
    </row>
    <row r="36" spans="1:9" x14ac:dyDescent="0.15">
      <c r="B36" s="25"/>
      <c r="C36" s="9"/>
      <c r="D36" s="20"/>
      <c r="E36" s="20"/>
      <c r="F36" s="20"/>
      <c r="G36" s="20"/>
      <c r="H36" s="20"/>
    </row>
    <row r="37" spans="1:9" x14ac:dyDescent="0.15">
      <c r="A37" s="7"/>
      <c r="B37" s="24"/>
      <c r="C37" s="9"/>
      <c r="D37" s="20"/>
      <c r="E37" s="20"/>
      <c r="F37" s="20"/>
      <c r="G37" s="20"/>
      <c r="H37" s="20"/>
      <c r="I37" s="7"/>
    </row>
    <row r="38" spans="1:9" x14ac:dyDescent="0.15">
      <c r="A38" s="7"/>
      <c r="B38" s="24"/>
      <c r="C38" s="9"/>
      <c r="D38" s="20"/>
      <c r="E38" s="20"/>
      <c r="F38" s="20"/>
      <c r="G38" s="20"/>
      <c r="H38" s="20"/>
      <c r="I38" s="7"/>
    </row>
    <row r="39" spans="1:9" x14ac:dyDescent="0.15">
      <c r="A39" s="7"/>
      <c r="B39" s="14"/>
      <c r="C39" s="9"/>
      <c r="D39" s="26"/>
      <c r="E39" s="26"/>
      <c r="F39" s="26"/>
      <c r="G39" s="26"/>
      <c r="H39" s="26"/>
      <c r="I39" s="7"/>
    </row>
    <row r="40" spans="1:9" x14ac:dyDescent="0.15">
      <c r="B40" s="25"/>
      <c r="C40" s="9"/>
      <c r="D40" s="15"/>
      <c r="E40" s="15"/>
      <c r="F40" s="15"/>
      <c r="G40" s="15"/>
      <c r="H40" s="15"/>
    </row>
    <row r="41" spans="1:9" x14ac:dyDescent="0.15">
      <c r="B41" s="14"/>
      <c r="C41" s="9"/>
      <c r="D41" s="16"/>
      <c r="E41" s="16"/>
      <c r="F41" s="16"/>
      <c r="G41" s="16"/>
      <c r="H41" s="16"/>
    </row>
    <row r="42" spans="1:9" x14ac:dyDescent="0.15">
      <c r="B42" s="25"/>
      <c r="C42" s="9"/>
      <c r="D42" s="21"/>
      <c r="E42" s="21"/>
      <c r="F42" s="21"/>
      <c r="G42" s="21"/>
      <c r="H42" s="21"/>
    </row>
    <row r="43" spans="1:9" x14ac:dyDescent="0.15">
      <c r="A43" s="7"/>
      <c r="B43" s="24"/>
      <c r="C43" s="9"/>
      <c r="D43" s="16"/>
      <c r="E43" s="16"/>
      <c r="F43" s="16"/>
      <c r="G43" s="16"/>
      <c r="H43" s="16"/>
      <c r="I43" s="7"/>
    </row>
    <row r="44" spans="1:9" x14ac:dyDescent="0.15">
      <c r="A44" s="7"/>
      <c r="B44" s="24"/>
      <c r="C44" s="9"/>
      <c r="D44" s="16"/>
      <c r="E44" s="16"/>
      <c r="F44" s="16"/>
      <c r="G44" s="16"/>
      <c r="H44" s="16"/>
      <c r="I44" s="7"/>
    </row>
    <row r="45" spans="1:9" x14ac:dyDescent="0.15">
      <c r="A45" s="7"/>
      <c r="B45" s="24"/>
      <c r="C45" s="9"/>
      <c r="D45" s="16"/>
      <c r="E45" s="16"/>
      <c r="F45" s="16"/>
      <c r="G45" s="16"/>
      <c r="H45" s="16"/>
      <c r="I45" s="7"/>
    </row>
    <row r="46" spans="1:9" x14ac:dyDescent="0.15">
      <c r="A46" s="7"/>
      <c r="B46" s="24"/>
      <c r="C46" s="9"/>
      <c r="D46" s="16"/>
      <c r="E46" s="16"/>
      <c r="F46" s="16"/>
      <c r="G46" s="16"/>
      <c r="H46" s="16"/>
      <c r="I46" s="7"/>
    </row>
    <row r="47" spans="1:9" x14ac:dyDescent="0.15">
      <c r="A47" s="7"/>
      <c r="B47" s="24"/>
      <c r="C47" s="9"/>
      <c r="D47" s="16"/>
      <c r="E47" s="16"/>
      <c r="F47" s="16"/>
      <c r="G47" s="16"/>
      <c r="H47" s="16"/>
      <c r="I47" s="7"/>
    </row>
    <row r="48" spans="1:9" x14ac:dyDescent="0.15">
      <c r="A48" s="7"/>
      <c r="B48" s="24"/>
      <c r="C48" s="9"/>
      <c r="D48" s="16"/>
      <c r="E48" s="16"/>
      <c r="F48" s="16"/>
      <c r="G48" s="16"/>
      <c r="H48" s="16"/>
      <c r="I48" s="7"/>
    </row>
    <row r="49" spans="1:9" x14ac:dyDescent="0.15">
      <c r="B49" s="24"/>
      <c r="C49" s="9"/>
      <c r="D49" s="16"/>
      <c r="E49" s="16"/>
      <c r="F49" s="16"/>
      <c r="G49" s="16"/>
      <c r="H49" s="16"/>
    </row>
    <row r="50" spans="1:9" x14ac:dyDescent="0.15">
      <c r="B50" s="24"/>
      <c r="C50" s="9"/>
      <c r="D50" s="16"/>
      <c r="E50" s="16"/>
      <c r="F50" s="16"/>
      <c r="G50" s="16"/>
      <c r="H50" s="16"/>
    </row>
    <row r="51" spans="1:9" x14ac:dyDescent="0.15">
      <c r="B51" s="24"/>
      <c r="C51" s="9"/>
      <c r="D51" s="16"/>
      <c r="E51" s="16"/>
      <c r="F51" s="16"/>
      <c r="G51" s="16"/>
      <c r="H51" s="16"/>
    </row>
    <row r="52" spans="1:9" x14ac:dyDescent="0.15">
      <c r="B52" s="24"/>
      <c r="C52" s="9"/>
      <c r="D52" s="16"/>
      <c r="E52" s="16"/>
      <c r="F52" s="16"/>
      <c r="G52" s="16"/>
      <c r="H52" s="16"/>
    </row>
    <row r="53" spans="1:9" x14ac:dyDescent="0.15">
      <c r="B53" s="24"/>
      <c r="C53" s="9"/>
      <c r="D53" s="16"/>
      <c r="E53" s="16"/>
      <c r="F53" s="16"/>
      <c r="G53" s="16"/>
      <c r="H53" s="16"/>
    </row>
    <row r="54" spans="1:9" x14ac:dyDescent="0.15">
      <c r="A54" s="7"/>
      <c r="B54" s="24"/>
      <c r="C54" s="9"/>
      <c r="D54" s="16"/>
      <c r="E54" s="16"/>
      <c r="F54" s="16"/>
      <c r="G54" s="16"/>
      <c r="H54" s="16"/>
      <c r="I54" s="7"/>
    </row>
    <row r="55" spans="1:9" x14ac:dyDescent="0.15">
      <c r="A55" s="7"/>
      <c r="B55" s="14"/>
      <c r="C55" s="9"/>
      <c r="D55" s="16"/>
      <c r="E55" s="16"/>
      <c r="F55" s="16"/>
      <c r="G55" s="16"/>
      <c r="H55" s="16"/>
      <c r="I55" s="7"/>
    </row>
    <row r="56" spans="1:9" x14ac:dyDescent="0.15">
      <c r="A56" s="7"/>
      <c r="B56" s="25"/>
      <c r="C56" s="9"/>
      <c r="D56" s="21"/>
      <c r="E56" s="21"/>
      <c r="F56" s="21"/>
      <c r="G56" s="21"/>
      <c r="H56" s="21"/>
      <c r="I56" s="7"/>
    </row>
    <row r="57" spans="1:9" x14ac:dyDescent="0.15">
      <c r="A57" s="7"/>
      <c r="B57" s="24"/>
      <c r="C57" s="9"/>
      <c r="D57" s="16"/>
      <c r="E57" s="16"/>
      <c r="F57" s="16"/>
      <c r="G57" s="16"/>
      <c r="H57" s="16"/>
      <c r="I57" s="7"/>
    </row>
    <row r="58" spans="1:9" x14ac:dyDescent="0.15">
      <c r="A58" s="7"/>
      <c r="B58" s="24"/>
      <c r="C58" s="9"/>
      <c r="D58" s="16"/>
      <c r="E58" s="16"/>
      <c r="F58" s="16"/>
      <c r="G58" s="16"/>
      <c r="H58" s="16"/>
      <c r="I58" s="7"/>
    </row>
    <row r="59" spans="1:9" x14ac:dyDescent="0.15">
      <c r="A59" s="7"/>
      <c r="B59" s="24"/>
      <c r="C59" s="9"/>
      <c r="D59" s="16"/>
      <c r="E59" s="16"/>
      <c r="F59" s="16"/>
      <c r="G59" s="16"/>
      <c r="H59" s="16"/>
      <c r="I59" s="7"/>
    </row>
    <row r="60" spans="1:9" x14ac:dyDescent="0.15">
      <c r="A60" s="7"/>
      <c r="B60" s="24"/>
      <c r="C60" s="9"/>
      <c r="D60" s="16"/>
      <c r="E60" s="16"/>
      <c r="F60" s="16"/>
      <c r="G60" s="16"/>
      <c r="H60" s="16"/>
      <c r="I60" s="7"/>
    </row>
    <row r="61" spans="1:9" x14ac:dyDescent="0.15">
      <c r="B61" s="24"/>
      <c r="C61" s="9"/>
      <c r="D61" s="16"/>
      <c r="E61" s="16"/>
      <c r="F61" s="16"/>
      <c r="G61" s="16"/>
      <c r="H61" s="16"/>
    </row>
    <row r="62" spans="1:9" x14ac:dyDescent="0.15">
      <c r="B62" s="24"/>
      <c r="C62" s="9"/>
      <c r="D62" s="16"/>
      <c r="E62" s="16"/>
      <c r="F62" s="16"/>
      <c r="G62" s="16"/>
      <c r="H62" s="16"/>
    </row>
    <row r="63" spans="1:9" x14ac:dyDescent="0.15">
      <c r="B63" s="24"/>
      <c r="C63" s="9"/>
      <c r="D63" s="16"/>
      <c r="E63" s="16"/>
      <c r="F63" s="16"/>
      <c r="G63" s="16"/>
      <c r="H63" s="16"/>
    </row>
    <row r="64" spans="1:9" x14ac:dyDescent="0.15">
      <c r="A64" s="7"/>
      <c r="B64" s="14"/>
      <c r="C64" s="9"/>
      <c r="D64" s="16"/>
      <c r="E64" s="16"/>
      <c r="F64" s="16"/>
      <c r="G64" s="16"/>
      <c r="H64" s="16"/>
      <c r="I64" s="7"/>
    </row>
    <row r="65" spans="1:9" x14ac:dyDescent="0.15">
      <c r="A65" s="7"/>
      <c r="B65" s="25"/>
      <c r="C65" s="9"/>
      <c r="D65" s="16"/>
      <c r="E65" s="16"/>
      <c r="F65" s="16"/>
      <c r="G65" s="16"/>
      <c r="H65" s="16"/>
      <c r="I65" s="7"/>
    </row>
    <row r="66" spans="1:9" x14ac:dyDescent="0.15">
      <c r="A66" s="7"/>
      <c r="B66" s="14"/>
      <c r="C66" s="9"/>
      <c r="D66" s="16"/>
      <c r="E66" s="16"/>
      <c r="F66" s="16"/>
      <c r="G66" s="16"/>
      <c r="H66" s="16"/>
      <c r="I66" s="7"/>
    </row>
    <row r="67" spans="1:9" x14ac:dyDescent="0.15">
      <c r="A67" s="7"/>
      <c r="B67" s="25"/>
      <c r="C67" s="9"/>
      <c r="D67" s="21"/>
      <c r="E67" s="21"/>
      <c r="F67" s="21"/>
      <c r="G67" s="21"/>
      <c r="H67" s="21"/>
      <c r="I67" s="7"/>
    </row>
    <row r="68" spans="1:9" x14ac:dyDescent="0.15">
      <c r="A68" s="7"/>
      <c r="B68" s="24"/>
      <c r="C68" s="9"/>
      <c r="D68" s="16"/>
      <c r="E68" s="16"/>
      <c r="F68" s="16"/>
      <c r="G68" s="16"/>
      <c r="H68" s="16"/>
      <c r="I68" s="7"/>
    </row>
    <row r="69" spans="1:9" x14ac:dyDescent="0.15">
      <c r="A69" s="7"/>
      <c r="B69" s="24"/>
      <c r="C69" s="9"/>
      <c r="D69" s="16"/>
      <c r="E69" s="16"/>
      <c r="F69" s="16"/>
      <c r="G69" s="16"/>
      <c r="H69" s="16"/>
      <c r="I69" s="7"/>
    </row>
    <row r="70" spans="1:9" x14ac:dyDescent="0.15">
      <c r="A70" s="7"/>
      <c r="B70" s="24"/>
      <c r="C70" s="9"/>
      <c r="D70" s="18"/>
      <c r="E70" s="18"/>
      <c r="F70" s="18"/>
      <c r="G70" s="18"/>
      <c r="H70" s="18"/>
      <c r="I70" s="7"/>
    </row>
    <row r="71" spans="1:9" x14ac:dyDescent="0.15">
      <c r="A71" s="7"/>
      <c r="B71" s="24"/>
      <c r="C71" s="9"/>
      <c r="D71" s="18"/>
      <c r="E71" s="18"/>
      <c r="F71" s="18"/>
      <c r="G71" s="18"/>
      <c r="H71" s="18"/>
      <c r="I71" s="7"/>
    </row>
    <row r="72" spans="1:9" x14ac:dyDescent="0.15">
      <c r="A72" s="7"/>
      <c r="B72" s="14"/>
      <c r="C72" s="9"/>
      <c r="D72" s="16"/>
      <c r="E72" s="16"/>
      <c r="F72" s="16"/>
      <c r="G72" s="16"/>
      <c r="H72" s="16"/>
      <c r="I72" s="7"/>
    </row>
    <row r="73" spans="1:9" x14ac:dyDescent="0.15">
      <c r="A73" s="7"/>
      <c r="B73" s="25"/>
      <c r="C73" s="9"/>
      <c r="D73" s="21"/>
      <c r="E73" s="21"/>
      <c r="F73" s="21"/>
      <c r="G73" s="21"/>
      <c r="H73" s="21"/>
      <c r="I73" s="7"/>
    </row>
    <row r="74" spans="1:9" x14ac:dyDescent="0.15">
      <c r="A74" s="7"/>
      <c r="B74" s="24"/>
      <c r="C74" s="9"/>
      <c r="D74" s="18"/>
      <c r="E74" s="18"/>
      <c r="F74" s="18"/>
      <c r="G74" s="18"/>
      <c r="H74" s="18"/>
      <c r="I74" s="7"/>
    </row>
    <row r="75" spans="1:9" x14ac:dyDescent="0.15">
      <c r="A75" s="7"/>
      <c r="B75" s="24"/>
      <c r="C75" s="9"/>
      <c r="D75" s="18"/>
      <c r="E75" s="18"/>
      <c r="F75" s="18"/>
      <c r="G75" s="18"/>
      <c r="H75" s="18"/>
      <c r="I75" s="7"/>
    </row>
    <row r="76" spans="1:9" x14ac:dyDescent="0.15">
      <c r="A76" s="7"/>
      <c r="B76" s="24"/>
      <c r="C76" s="9"/>
      <c r="D76" s="18"/>
      <c r="E76" s="18"/>
      <c r="F76" s="18"/>
      <c r="G76" s="18"/>
      <c r="H76" s="18"/>
      <c r="I76" s="7"/>
    </row>
    <row r="77" spans="1:9" x14ac:dyDescent="0.15">
      <c r="A77" s="7"/>
      <c r="B77" s="24"/>
      <c r="C77" s="9"/>
      <c r="D77" s="22"/>
      <c r="E77" s="22"/>
      <c r="F77" s="17"/>
      <c r="G77" s="17"/>
      <c r="H77" s="17"/>
      <c r="I77" s="7"/>
    </row>
    <row r="78" spans="1:9" x14ac:dyDescent="0.15">
      <c r="A78" s="7"/>
      <c r="B78" s="24"/>
      <c r="C78" s="9"/>
      <c r="D78" s="27"/>
      <c r="E78" s="27"/>
      <c r="F78" s="216"/>
      <c r="G78" s="216"/>
      <c r="H78" s="216"/>
      <c r="I78" s="7"/>
    </row>
    <row r="79" spans="1:9" x14ac:dyDescent="0.15">
      <c r="B79" s="14"/>
      <c r="C79" s="9"/>
      <c r="D79" s="18"/>
      <c r="E79" s="18"/>
      <c r="F79" s="18"/>
      <c r="G79" s="18"/>
      <c r="H79" s="18"/>
    </row>
    <row r="80" spans="1:9" ht="26.25" customHeight="1" x14ac:dyDescent="0.15">
      <c r="B80" s="25"/>
      <c r="C80" s="9"/>
      <c r="D80" s="16"/>
      <c r="E80" s="16"/>
      <c r="F80" s="16"/>
      <c r="G80" s="16"/>
      <c r="H80" s="16"/>
    </row>
    <row r="81" spans="1:9" x14ac:dyDescent="0.15">
      <c r="B81" s="25"/>
      <c r="C81" s="9"/>
      <c r="D81" s="16"/>
      <c r="E81" s="16"/>
      <c r="F81" s="16"/>
      <c r="G81" s="16"/>
      <c r="H81" s="16"/>
    </row>
    <row r="82" spans="1:9" x14ac:dyDescent="0.15">
      <c r="A82" s="7"/>
      <c r="B82" s="14"/>
      <c r="C82" s="9"/>
      <c r="D82" s="16"/>
      <c r="E82" s="16"/>
      <c r="F82" s="16"/>
      <c r="G82" s="16"/>
      <c r="H82" s="16"/>
      <c r="I82" s="7"/>
    </row>
    <row r="83" spans="1:9" x14ac:dyDescent="0.15">
      <c r="A83" s="7"/>
      <c r="B83" s="14"/>
      <c r="C83" s="9"/>
      <c r="D83" s="10"/>
      <c r="E83" s="10"/>
      <c r="F83" s="10"/>
      <c r="G83" s="10"/>
      <c r="H83" s="10"/>
      <c r="I83" s="7"/>
    </row>
    <row r="84" spans="1:9" x14ac:dyDescent="0.15">
      <c r="A84" s="7"/>
      <c r="B84" s="14"/>
      <c r="C84" s="9"/>
      <c r="D84" s="10"/>
      <c r="E84" s="10"/>
      <c r="F84" s="10"/>
      <c r="G84" s="10"/>
      <c r="H84" s="10"/>
      <c r="I84" s="7"/>
    </row>
    <row r="85" spans="1:9" x14ac:dyDescent="0.15">
      <c r="B85" s="14"/>
      <c r="C85" s="9"/>
      <c r="D85" s="10"/>
      <c r="E85" s="10"/>
      <c r="F85" s="10"/>
      <c r="G85" s="10"/>
      <c r="H85" s="10"/>
    </row>
    <row r="87" spans="1:9" x14ac:dyDescent="0.15">
      <c r="D87" s="4"/>
      <c r="E87" s="4"/>
      <c r="F87" s="4"/>
      <c r="G87" s="4"/>
      <c r="H87" s="4"/>
    </row>
  </sheetData>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1" manualBreakCount="1">
    <brk id="40" max="8"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515DB20F9D47544FB91ED4790E4F34DE" ma:contentTypeVersion="0" ma:contentTypeDescription="新しいドキュメントを作成します。" ma:contentTypeScope="" ma:versionID="a9f746cf1e691c32f44931d90084e5bd">
  <xsd:schema xmlns:xsd="http://www.w3.org/2001/XMLSchema" xmlns:xs="http://www.w3.org/2001/XMLSchema" xmlns:p="http://schemas.microsoft.com/office/2006/metadata/properties" targetNamespace="http://schemas.microsoft.com/office/2006/metadata/properties" ma:root="true" ma:fieldsID="e3fc15230516dd5e85220f060eed4ba5">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07465ADD-01D1-4AE7-8570-D7F95FB5750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6A322303-DF38-4192-938F-EAA2F8309A8F}">
  <ds:schemaRefs>
    <ds:schemaRef ds:uri="http://schemas.microsoft.com/sharepoint/v3/contenttype/forms"/>
  </ds:schemaRefs>
</ds:datastoreItem>
</file>

<file path=customXml/itemProps3.xml><?xml version="1.0" encoding="utf-8"?>
<ds:datastoreItem xmlns:ds="http://schemas.openxmlformats.org/officeDocument/2006/customXml" ds:itemID="{148292A0-ECD9-45DB-AF1E-0A5D1DD07D1D}">
  <ds:schemaRefs>
    <ds:schemaRef ds:uri="http://schemas.microsoft.com/office/2006/metadata/properties"/>
    <ds:schemaRef ds:uri="http://purl.org/dc/elements/1.1/"/>
    <ds:schemaRef ds:uri="http://schemas.microsoft.com/office/infopath/2007/PartnerControls"/>
    <ds:schemaRef ds:uri="http://schemas.microsoft.com/office/2006/documentManagement/types"/>
    <ds:schemaRef ds:uri="http://www.w3.org/XML/1998/namespace"/>
    <ds:schemaRef ds:uri="http://purl.org/dc/dcmitype/"/>
    <ds:schemaRef ds:uri="http://schemas.openxmlformats.org/package/2006/metadata/core-properties"/>
    <ds:schemaRef ds:uri="http://purl.org/dc/terms/"/>
  </ds:schemaRefs>
</ds:datastoreItem>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目次</vt:lpstr>
      <vt:lpstr>財務ハイライト・非財務ハイライト</vt:lpstr>
      <vt:lpstr>セグメント情報</vt:lpstr>
      <vt:lpstr>連結貸借対照表</vt:lpstr>
      <vt:lpstr>連結損益計算書</vt:lpstr>
      <vt:lpstr>連結キャッシュ・フロー計算書</vt:lpstr>
      <vt:lpstr>財務ハイライト・非財務ハイライト!Print_Area</vt:lpstr>
      <vt:lpstr>目次!Print_Area</vt:lpstr>
      <vt:lpstr>連結キャッシュ・フロー計算書!Print_Area</vt:lpstr>
      <vt:lpstr>連結損益計算書!Print_Area</vt:lpstr>
      <vt:lpstr>連結貸借対照表!Print_Area</vt:lpstr>
      <vt:lpstr>セグメント情報!Print_Titles</vt:lpstr>
      <vt:lpstr>財務ハイライト・非財務ハイライト!Print_Titles</vt:lpstr>
      <vt:lpstr>連結キャッシュ・フロー計算書!Print_Titles</vt:lpstr>
      <vt:lpstr>連結損益計算書!Print_Titles</vt:lpstr>
      <vt:lpstr>連結貸借対照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2-12-28T06:00:03Z</cp:lastPrinted>
  <dcterms:created xsi:type="dcterms:W3CDTF">2005-04-11T02:34:13Z</dcterms:created>
  <dcterms:modified xsi:type="dcterms:W3CDTF">2022-12-29T08:57: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15DB20F9D47544FB91ED4790E4F34DE</vt:lpwstr>
  </property>
  <property fmtid="{D5CDD505-2E9C-101B-9397-08002B2CF9AE}" pid="3" name="_MarkAsFinal">
    <vt:bool>true</vt:bool>
  </property>
</Properties>
</file>